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1328"/>
  <workbookPr/>
  <mc:AlternateContent xmlns:mc="http://schemas.openxmlformats.org/markup-compatibility/2006">
    <mc:Choice Requires="x15">
      <x15ac:absPath xmlns:x15ac="http://schemas.microsoft.com/office/spreadsheetml/2010/11/ac" url="C:\Users\s800207005\Desktop\"/>
    </mc:Choice>
  </mc:AlternateContent>
  <xr:revisionPtr revIDLastSave="0" documentId="13_ncr:1_{0577DAFD-79D4-40E5-B962-642B5F7CA603}" xr6:coauthVersionLast="41" xr6:coauthVersionMax="41" xr10:uidLastSave="{00000000-0000-0000-0000-000000000000}"/>
  <bookViews>
    <workbookView xWindow="-108" yWindow="-108" windowWidth="23256" windowHeight="14016" xr2:uid="{00000000-000D-0000-FFFF-FFFF00000000}"/>
  </bookViews>
  <sheets>
    <sheet name="JSSR歴代会長" sheetId="1" r:id="rId1"/>
  </sheets>
  <definedNames>
    <definedName name="_xlnm._FilterDatabase" localSheetId="0" hidden="1">JSSR歴代会長!$A$1:$J$51</definedName>
    <definedName name="_xlnm.Print_Area" localSheetId="0">JSSR歴代会長!$A$1:$J$51</definedName>
    <definedName name="_xlnm.Print_Titles" localSheetId="0">JSSR歴代会長!$1:$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1" uniqueCount="376">
  <si>
    <t>No.</t>
    <phoneticPr fontId="2"/>
  </si>
  <si>
    <t>大学</t>
    <rPh sb="0" eb="2">
      <t>ダイガク</t>
    </rPh>
    <phoneticPr fontId="4"/>
  </si>
  <si>
    <t>所属</t>
    <rPh sb="0" eb="2">
      <t>ショゾク</t>
    </rPh>
    <phoneticPr fontId="4"/>
  </si>
  <si>
    <t>学会名</t>
    <rPh sb="0" eb="2">
      <t>ガッカイ</t>
    </rPh>
    <rPh sb="2" eb="3">
      <t>メイ</t>
    </rPh>
    <phoneticPr fontId="2"/>
  </si>
  <si>
    <t>会長・当番幹事</t>
    <rPh sb="0" eb="2">
      <t>カイチョウ</t>
    </rPh>
    <rPh sb="3" eb="5">
      <t>トウバン</t>
    </rPh>
    <rPh sb="5" eb="7">
      <t>カンジ</t>
    </rPh>
    <phoneticPr fontId="2"/>
  </si>
  <si>
    <t>所属</t>
    <rPh sb="0" eb="2">
      <t>ショゾク</t>
    </rPh>
    <phoneticPr fontId="2"/>
  </si>
  <si>
    <t>会期</t>
    <rPh sb="0" eb="2">
      <t>カイキ</t>
    </rPh>
    <phoneticPr fontId="2"/>
  </si>
  <si>
    <t>和暦</t>
    <rPh sb="0" eb="2">
      <t>ワレキ</t>
    </rPh>
    <phoneticPr fontId="2"/>
  </si>
  <si>
    <t>開催地</t>
    <rPh sb="0" eb="3">
      <t>カイサイチ</t>
    </rPh>
    <phoneticPr fontId="2"/>
  </si>
  <si>
    <t>主題</t>
    <rPh sb="0" eb="2">
      <t>シュダイ</t>
    </rPh>
    <phoneticPr fontId="2"/>
  </si>
  <si>
    <t>慶應義塾大学医学部</t>
  </si>
  <si>
    <t>整形外科学教室</t>
  </si>
  <si>
    <t>第1回日本脊椎外科研究会</t>
    <rPh sb="0" eb="1">
      <t>ダイ</t>
    </rPh>
    <rPh sb="2" eb="3">
      <t>カイ</t>
    </rPh>
    <rPh sb="3" eb="5">
      <t>ニホン</t>
    </rPh>
    <rPh sb="5" eb="7">
      <t>セキツイ</t>
    </rPh>
    <rPh sb="7" eb="9">
      <t>ゲカ</t>
    </rPh>
    <rPh sb="9" eb="12">
      <t>ケンキュウカイ</t>
    </rPh>
    <phoneticPr fontId="2"/>
  </si>
  <si>
    <t>岩原　寅猪</t>
    <rPh sb="0" eb="2">
      <t>イワハラ</t>
    </rPh>
    <rPh sb="3" eb="4">
      <t>トラ</t>
    </rPh>
    <rPh sb="4" eb="5">
      <t>イノシシ</t>
    </rPh>
    <phoneticPr fontId="2"/>
  </si>
  <si>
    <t>慶應義塾大学</t>
    <rPh sb="0" eb="2">
      <t>ケイオウ</t>
    </rPh>
    <rPh sb="2" eb="4">
      <t>ギジュク</t>
    </rPh>
    <rPh sb="4" eb="6">
      <t>ダイガク</t>
    </rPh>
    <phoneticPr fontId="2"/>
  </si>
  <si>
    <t>1974.4.21</t>
    <phoneticPr fontId="2"/>
  </si>
  <si>
    <t>昭和49</t>
    <rPh sb="0" eb="2">
      <t>ショウワ</t>
    </rPh>
    <phoneticPr fontId="2"/>
  </si>
  <si>
    <t>東条会館（東京）</t>
    <rPh sb="0" eb="2">
      <t>トウジョウ</t>
    </rPh>
    <rPh sb="2" eb="4">
      <t>カイカン</t>
    </rPh>
    <rPh sb="5" eb="7">
      <t>トウキョウ</t>
    </rPh>
    <phoneticPr fontId="2"/>
  </si>
  <si>
    <t>1.上位頚椎疾患　2.腰部椎間板ヘルニアの治療　　　　　　　　　　　　　　　</t>
    <rPh sb="2" eb="4">
      <t>ジョウイ</t>
    </rPh>
    <rPh sb="4" eb="6">
      <t>ケイツイ</t>
    </rPh>
    <rPh sb="6" eb="8">
      <t>シッカン</t>
    </rPh>
    <rPh sb="11" eb="13">
      <t>ヨウブ</t>
    </rPh>
    <rPh sb="13" eb="16">
      <t>ツイカンバン</t>
    </rPh>
    <rPh sb="21" eb="23">
      <t>チリョウ</t>
    </rPh>
    <phoneticPr fontId="2"/>
  </si>
  <si>
    <t>千葉大学大学院医学研究院</t>
  </si>
  <si>
    <t>整形外科学</t>
  </si>
  <si>
    <t>第2回日本脊椎外科研究会</t>
    <rPh sb="0" eb="1">
      <t>ダイ</t>
    </rPh>
    <rPh sb="2" eb="3">
      <t>カイ</t>
    </rPh>
    <rPh sb="3" eb="5">
      <t>ニホン</t>
    </rPh>
    <rPh sb="5" eb="7">
      <t>セキツイ</t>
    </rPh>
    <rPh sb="7" eb="9">
      <t>ゲカ</t>
    </rPh>
    <rPh sb="9" eb="12">
      <t>ケンキュウカイ</t>
    </rPh>
    <phoneticPr fontId="2"/>
  </si>
  <si>
    <t>井上　駿一</t>
    <rPh sb="0" eb="2">
      <t>イノウエ</t>
    </rPh>
    <rPh sb="3" eb="4">
      <t>シュン</t>
    </rPh>
    <rPh sb="4" eb="5">
      <t>イチ</t>
    </rPh>
    <phoneticPr fontId="2"/>
  </si>
  <si>
    <t>千葉大学</t>
    <rPh sb="0" eb="2">
      <t>チバ</t>
    </rPh>
    <rPh sb="2" eb="4">
      <t>ダイガク</t>
    </rPh>
    <phoneticPr fontId="2"/>
  </si>
  <si>
    <t>1974.11.9</t>
    <phoneticPr fontId="2"/>
  </si>
  <si>
    <t>昭和49</t>
    <phoneticPr fontId="2"/>
  </si>
  <si>
    <t>千葉大学医学部記念講堂（千葉）</t>
    <rPh sb="0" eb="2">
      <t>チバ</t>
    </rPh>
    <rPh sb="2" eb="4">
      <t>ダイガク</t>
    </rPh>
    <rPh sb="4" eb="6">
      <t>イガク</t>
    </rPh>
    <rPh sb="6" eb="7">
      <t>ブ</t>
    </rPh>
    <rPh sb="7" eb="9">
      <t>キネン</t>
    </rPh>
    <rPh sb="9" eb="11">
      <t>コウドウ</t>
    </rPh>
    <rPh sb="12" eb="14">
      <t>チバ</t>
    </rPh>
    <phoneticPr fontId="2"/>
  </si>
  <si>
    <t>頚椎後縦靭帯骨化症　</t>
    <rPh sb="0" eb="2">
      <t>ケイツイ</t>
    </rPh>
    <rPh sb="2" eb="6">
      <t>コウジュウジンタイ</t>
    </rPh>
    <rPh sb="6" eb="9">
      <t>コッカショウ</t>
    </rPh>
    <phoneticPr fontId="2"/>
  </si>
  <si>
    <t>済</t>
    <rPh sb="0" eb="1">
      <t>スミ</t>
    </rPh>
    <phoneticPr fontId="2"/>
  </si>
  <si>
    <t>大阪大学医学部附属病院</t>
    <rPh sb="0" eb="2">
      <t>オオサカ</t>
    </rPh>
    <rPh sb="2" eb="4">
      <t>ダイガク</t>
    </rPh>
    <rPh sb="4" eb="6">
      <t>イガク</t>
    </rPh>
    <rPh sb="6" eb="7">
      <t>ブ</t>
    </rPh>
    <rPh sb="7" eb="9">
      <t>フゾク</t>
    </rPh>
    <rPh sb="9" eb="11">
      <t>ビョウイン</t>
    </rPh>
    <phoneticPr fontId="4"/>
  </si>
  <si>
    <t>整形外科</t>
    <rPh sb="0" eb="2">
      <t>セイケイ</t>
    </rPh>
    <rPh sb="2" eb="4">
      <t>ゲカ</t>
    </rPh>
    <phoneticPr fontId="4"/>
  </si>
  <si>
    <t>第3回日本脊椎外科研究会</t>
    <rPh sb="0" eb="1">
      <t>ダイ</t>
    </rPh>
    <rPh sb="2" eb="3">
      <t>カイ</t>
    </rPh>
    <rPh sb="3" eb="5">
      <t>ニホン</t>
    </rPh>
    <rPh sb="5" eb="7">
      <t>セキツイ</t>
    </rPh>
    <rPh sb="7" eb="9">
      <t>ゲカ</t>
    </rPh>
    <rPh sb="9" eb="12">
      <t>ケンキュウカイ</t>
    </rPh>
    <phoneticPr fontId="2"/>
  </si>
  <si>
    <t>小野　啓郎</t>
    <rPh sb="0" eb="2">
      <t>オノ</t>
    </rPh>
    <rPh sb="3" eb="5">
      <t>ケイロウ</t>
    </rPh>
    <phoneticPr fontId="2"/>
  </si>
  <si>
    <t>大阪大学</t>
    <rPh sb="0" eb="2">
      <t>オオサカ</t>
    </rPh>
    <rPh sb="2" eb="4">
      <t>ダイガク</t>
    </rPh>
    <phoneticPr fontId="2"/>
  </si>
  <si>
    <t>1975.6.8</t>
    <phoneticPr fontId="2"/>
  </si>
  <si>
    <t>昭和50</t>
    <phoneticPr fontId="2"/>
  </si>
  <si>
    <t>大阪大学中之島講堂（大阪）</t>
    <rPh sb="0" eb="2">
      <t>オオサカ</t>
    </rPh>
    <rPh sb="2" eb="4">
      <t>ダイガク</t>
    </rPh>
    <rPh sb="4" eb="7">
      <t>ナカノシマ</t>
    </rPh>
    <rPh sb="7" eb="9">
      <t>コウドウ</t>
    </rPh>
    <rPh sb="10" eb="12">
      <t>オオサカ</t>
    </rPh>
    <phoneticPr fontId="2"/>
  </si>
  <si>
    <t>MyelopathyとRadiculopathy</t>
    <phoneticPr fontId="2"/>
  </si>
  <si>
    <t>旭川医科大学</t>
    <phoneticPr fontId="2"/>
  </si>
  <si>
    <t>整形外科学講座</t>
    <rPh sb="5" eb="7">
      <t>コウザ</t>
    </rPh>
    <phoneticPr fontId="4"/>
  </si>
  <si>
    <t>第4回日本脊椎外科研究会</t>
    <rPh sb="0" eb="1">
      <t>ダイ</t>
    </rPh>
    <rPh sb="2" eb="3">
      <t>カイ</t>
    </rPh>
    <rPh sb="3" eb="5">
      <t>ニホン</t>
    </rPh>
    <rPh sb="5" eb="7">
      <t>セキツイ</t>
    </rPh>
    <rPh sb="7" eb="9">
      <t>ゲカ</t>
    </rPh>
    <rPh sb="9" eb="12">
      <t>ケンキュウカイ</t>
    </rPh>
    <phoneticPr fontId="2"/>
  </si>
  <si>
    <t>竹光　義治</t>
    <rPh sb="0" eb="2">
      <t>タケミツ</t>
    </rPh>
    <rPh sb="3" eb="5">
      <t>ヨシハル</t>
    </rPh>
    <phoneticPr fontId="2"/>
  </si>
  <si>
    <t>旭川医科大学</t>
    <rPh sb="0" eb="2">
      <t>アサヒカワ</t>
    </rPh>
    <rPh sb="2" eb="4">
      <t>イカ</t>
    </rPh>
    <rPh sb="4" eb="5">
      <t>ダイ</t>
    </rPh>
    <rPh sb="5" eb="6">
      <t>ガク</t>
    </rPh>
    <phoneticPr fontId="2"/>
  </si>
  <si>
    <t>1975.12.7</t>
    <phoneticPr fontId="2"/>
  </si>
  <si>
    <t>ヤクルトホール（東京・新橋）</t>
    <rPh sb="8" eb="10">
      <t>トウキョウ</t>
    </rPh>
    <rPh sb="11" eb="13">
      <t>シンバシ</t>
    </rPh>
    <phoneticPr fontId="2"/>
  </si>
  <si>
    <t>腰部脊柱管狭窄症の諸問題　</t>
    <rPh sb="0" eb="2">
      <t>ヨウブ</t>
    </rPh>
    <rPh sb="2" eb="5">
      <t>セキチュウカン</t>
    </rPh>
    <rPh sb="5" eb="8">
      <t>キョウサクショウ</t>
    </rPh>
    <rPh sb="9" eb="10">
      <t>ショ</t>
    </rPh>
    <rPh sb="10" eb="12">
      <t>モンダイ</t>
    </rPh>
    <phoneticPr fontId="2"/>
  </si>
  <si>
    <t>山口大学大学院医学系研究科_x0000__x0000_</t>
  </si>
  <si>
    <t>第5回日本脊椎外科研究会</t>
    <rPh sb="0" eb="1">
      <t>ダイ</t>
    </rPh>
    <rPh sb="2" eb="3">
      <t>カイ</t>
    </rPh>
    <rPh sb="3" eb="5">
      <t>ニホン</t>
    </rPh>
    <rPh sb="5" eb="7">
      <t>セキツイ</t>
    </rPh>
    <rPh sb="7" eb="9">
      <t>ゲカ</t>
    </rPh>
    <rPh sb="9" eb="12">
      <t>ケンキュウカイ</t>
    </rPh>
    <phoneticPr fontId="2"/>
  </si>
  <si>
    <t>服部　奨</t>
    <rPh sb="0" eb="2">
      <t>ハットリ</t>
    </rPh>
    <rPh sb="3" eb="4">
      <t>ススム</t>
    </rPh>
    <phoneticPr fontId="2"/>
  </si>
  <si>
    <t>山口大学</t>
    <rPh sb="0" eb="2">
      <t>ヤマグチ</t>
    </rPh>
    <rPh sb="2" eb="4">
      <t>ダイガク</t>
    </rPh>
    <phoneticPr fontId="2"/>
  </si>
  <si>
    <t>1976.7.4</t>
    <phoneticPr fontId="2"/>
  </si>
  <si>
    <t>昭和51</t>
  </si>
  <si>
    <t>守口市民会館（大阪・守口市）</t>
    <rPh sb="0" eb="2">
      <t>モリグチ</t>
    </rPh>
    <rPh sb="2" eb="4">
      <t>シミン</t>
    </rPh>
    <rPh sb="4" eb="6">
      <t>カイカン</t>
    </rPh>
    <rPh sb="7" eb="9">
      <t>オオサカ</t>
    </rPh>
    <rPh sb="10" eb="13">
      <t>モリグチシ</t>
    </rPh>
    <phoneticPr fontId="2"/>
  </si>
  <si>
    <t>胸椎部ミエロパチー　</t>
    <rPh sb="0" eb="2">
      <t>キョウツイ</t>
    </rPh>
    <rPh sb="2" eb="3">
      <t>ブ</t>
    </rPh>
    <phoneticPr fontId="2"/>
  </si>
  <si>
    <t>東京大学大学院医学系研究科外科学専攻感覚運動機能医学講座</t>
  </si>
  <si>
    <t>第6回日本脊椎外科研究会</t>
    <rPh sb="0" eb="1">
      <t>ダイ</t>
    </rPh>
    <rPh sb="2" eb="3">
      <t>カイ</t>
    </rPh>
    <rPh sb="3" eb="5">
      <t>ニホン</t>
    </rPh>
    <rPh sb="5" eb="7">
      <t>セキツイ</t>
    </rPh>
    <rPh sb="7" eb="9">
      <t>ゲカ</t>
    </rPh>
    <rPh sb="9" eb="12">
      <t>ケンキュウカイ</t>
    </rPh>
    <phoneticPr fontId="2"/>
  </si>
  <si>
    <t>津山　直一</t>
    <rPh sb="0" eb="2">
      <t>ツヤマ</t>
    </rPh>
    <rPh sb="3" eb="5">
      <t>ナオイチ</t>
    </rPh>
    <phoneticPr fontId="2"/>
  </si>
  <si>
    <t>東京大学</t>
    <rPh sb="0" eb="2">
      <t>トウキョウ</t>
    </rPh>
    <rPh sb="2" eb="4">
      <t>ダイガク</t>
    </rPh>
    <phoneticPr fontId="2"/>
  </si>
  <si>
    <t>1977.7.9-10</t>
    <phoneticPr fontId="2"/>
  </si>
  <si>
    <t>昭和52</t>
  </si>
  <si>
    <t>笹川記念会館（東京）</t>
    <rPh sb="0" eb="2">
      <t>ササカワ</t>
    </rPh>
    <rPh sb="2" eb="4">
      <t>キネン</t>
    </rPh>
    <rPh sb="4" eb="6">
      <t>カイカン</t>
    </rPh>
    <rPh sb="7" eb="9">
      <t>トウキョウ</t>
    </rPh>
    <phoneticPr fontId="2"/>
  </si>
  <si>
    <t>脊椎の炎症性疾患　</t>
    <rPh sb="0" eb="2">
      <t>セキツイ</t>
    </rPh>
    <rPh sb="3" eb="5">
      <t>エンショウ</t>
    </rPh>
    <rPh sb="5" eb="6">
      <t>セイ</t>
    </rPh>
    <rPh sb="6" eb="8">
      <t>シッカン</t>
    </rPh>
    <phoneticPr fontId="2"/>
  </si>
  <si>
    <t>大阪医科大学生体管理再建医学講座</t>
    <rPh sb="0" eb="6">
      <t>オオサカイカダイガク</t>
    </rPh>
    <rPh sb="6" eb="16">
      <t>セイタイカンリサイケンイガクコウザ</t>
    </rPh>
    <phoneticPr fontId="2"/>
  </si>
  <si>
    <t>整形外科学教室</t>
    <phoneticPr fontId="2"/>
  </si>
  <si>
    <t>第7回日本脊椎外科研究会</t>
    <rPh sb="0" eb="1">
      <t>ダイ</t>
    </rPh>
    <rPh sb="2" eb="3">
      <t>カイ</t>
    </rPh>
    <rPh sb="3" eb="5">
      <t>ニホン</t>
    </rPh>
    <rPh sb="5" eb="7">
      <t>セキツイ</t>
    </rPh>
    <rPh sb="7" eb="9">
      <t>ゲカ</t>
    </rPh>
    <rPh sb="9" eb="12">
      <t>ケンキュウカイ</t>
    </rPh>
    <phoneticPr fontId="2"/>
  </si>
  <si>
    <t>小野村　敏信</t>
    <rPh sb="0" eb="3">
      <t>オノムラ</t>
    </rPh>
    <rPh sb="4" eb="6">
      <t>トシノブ</t>
    </rPh>
    <phoneticPr fontId="2"/>
  </si>
  <si>
    <t>大阪医科大学</t>
    <rPh sb="0" eb="2">
      <t>オオサカ</t>
    </rPh>
    <rPh sb="2" eb="4">
      <t>イカ</t>
    </rPh>
    <rPh sb="4" eb="6">
      <t>ダイガク</t>
    </rPh>
    <phoneticPr fontId="2"/>
  </si>
  <si>
    <t>1978.7.8-9</t>
    <phoneticPr fontId="2"/>
  </si>
  <si>
    <t>昭和53</t>
  </si>
  <si>
    <t>御堂会館（大阪）</t>
    <rPh sb="0" eb="2">
      <t>ミドウ</t>
    </rPh>
    <rPh sb="2" eb="4">
      <t>カイカン</t>
    </rPh>
    <rPh sb="5" eb="7">
      <t>オオサカ</t>
    </rPh>
    <phoneticPr fontId="2"/>
  </si>
  <si>
    <t>脊椎外傷　</t>
    <rPh sb="0" eb="2">
      <t>セキツイ</t>
    </rPh>
    <rPh sb="2" eb="4">
      <t>ガイショウ</t>
    </rPh>
    <phoneticPr fontId="2"/>
  </si>
  <si>
    <t>富山大学大学院医学薬学研究部</t>
    <rPh sb="4" eb="7">
      <t>ダイガクイン</t>
    </rPh>
    <rPh sb="7" eb="9">
      <t>イガク</t>
    </rPh>
    <phoneticPr fontId="4"/>
  </si>
  <si>
    <t>整形外科・運動器病学講座</t>
  </si>
  <si>
    <t>第8回日本脊椎外科研究会</t>
    <rPh sb="0" eb="1">
      <t>ダイ</t>
    </rPh>
    <rPh sb="2" eb="3">
      <t>カイ</t>
    </rPh>
    <rPh sb="3" eb="5">
      <t>ニホン</t>
    </rPh>
    <rPh sb="5" eb="7">
      <t>セキツイ</t>
    </rPh>
    <rPh sb="7" eb="9">
      <t>ゲカ</t>
    </rPh>
    <rPh sb="9" eb="12">
      <t>ケンキュウカイ</t>
    </rPh>
    <phoneticPr fontId="2"/>
  </si>
  <si>
    <t>辻　陽雄</t>
    <rPh sb="0" eb="1">
      <t>ツジ</t>
    </rPh>
    <rPh sb="2" eb="3">
      <t>ヨウ</t>
    </rPh>
    <rPh sb="3" eb="4">
      <t>オ</t>
    </rPh>
    <phoneticPr fontId="2"/>
  </si>
  <si>
    <t>富山医科薬科大学</t>
    <rPh sb="0" eb="2">
      <t>トヤマ</t>
    </rPh>
    <rPh sb="2" eb="4">
      <t>イカ</t>
    </rPh>
    <rPh sb="4" eb="6">
      <t>ヤッカ</t>
    </rPh>
    <rPh sb="6" eb="8">
      <t>ダイガク</t>
    </rPh>
    <phoneticPr fontId="2"/>
  </si>
  <si>
    <t>1979.6.9-10</t>
    <phoneticPr fontId="2"/>
  </si>
  <si>
    <t>昭和54</t>
  </si>
  <si>
    <t>愛知県勤労会館（名古屋市）</t>
    <rPh sb="0" eb="3">
      <t>アイチケン</t>
    </rPh>
    <rPh sb="3" eb="5">
      <t>キンロウ</t>
    </rPh>
    <rPh sb="5" eb="7">
      <t>カイカン</t>
    </rPh>
    <rPh sb="8" eb="12">
      <t>ナゴヤシ</t>
    </rPh>
    <phoneticPr fontId="2"/>
  </si>
  <si>
    <t>脊椎腫瘍　</t>
    <rPh sb="0" eb="2">
      <t>セキツイ</t>
    </rPh>
    <rPh sb="2" eb="4">
      <t>シュヨウ</t>
    </rPh>
    <phoneticPr fontId="2"/>
  </si>
  <si>
    <t>徳島大学大学院医歯薬学研究部　医科学部門外科系</t>
    <rPh sb="7" eb="8">
      <t>イ</t>
    </rPh>
    <rPh sb="8" eb="9">
      <t>ハ</t>
    </rPh>
    <rPh sb="9" eb="11">
      <t>ヤクガク</t>
    </rPh>
    <rPh sb="11" eb="13">
      <t>ケンキュウ</t>
    </rPh>
    <rPh sb="15" eb="16">
      <t>イ</t>
    </rPh>
    <rPh sb="16" eb="18">
      <t>カガク</t>
    </rPh>
    <rPh sb="20" eb="23">
      <t>ゲカケイ</t>
    </rPh>
    <phoneticPr fontId="4"/>
  </si>
  <si>
    <t>運動機能外科学（整形外科）</t>
  </si>
  <si>
    <t>第9回日本脊椎外科研究会</t>
    <rPh sb="0" eb="1">
      <t>ダイ</t>
    </rPh>
    <rPh sb="2" eb="3">
      <t>カイ</t>
    </rPh>
    <rPh sb="3" eb="5">
      <t>ニホン</t>
    </rPh>
    <rPh sb="5" eb="7">
      <t>セキツイ</t>
    </rPh>
    <rPh sb="7" eb="9">
      <t>ゲカ</t>
    </rPh>
    <rPh sb="9" eb="12">
      <t>ケンキュウカイ</t>
    </rPh>
    <phoneticPr fontId="2"/>
  </si>
  <si>
    <t>井形　高明</t>
    <rPh sb="0" eb="2">
      <t>イガタ</t>
    </rPh>
    <rPh sb="3" eb="5">
      <t>タカアキ</t>
    </rPh>
    <phoneticPr fontId="2"/>
  </si>
  <si>
    <t>徳島大学</t>
    <rPh sb="0" eb="2">
      <t>トクシマ</t>
    </rPh>
    <rPh sb="2" eb="4">
      <t>ダイガク</t>
    </rPh>
    <phoneticPr fontId="2"/>
  </si>
  <si>
    <t>1980.6.7-8</t>
    <phoneticPr fontId="2"/>
  </si>
  <si>
    <t>昭和55</t>
  </si>
  <si>
    <t>大阪府立労働センター（大阪）</t>
    <rPh sb="0" eb="2">
      <t>オオサカ</t>
    </rPh>
    <rPh sb="2" eb="4">
      <t>フリツ</t>
    </rPh>
    <rPh sb="4" eb="6">
      <t>ロウドウ</t>
    </rPh>
    <rPh sb="11" eb="13">
      <t>オオサカ</t>
    </rPh>
    <phoneticPr fontId="2"/>
  </si>
  <si>
    <t>Multiple operated back　</t>
    <phoneticPr fontId="2"/>
  </si>
  <si>
    <t>神戸大学大学院医学研究科・外科系講座</t>
    <phoneticPr fontId="2"/>
  </si>
  <si>
    <t>整形外科学</t>
    <rPh sb="4" eb="5">
      <t>ガク</t>
    </rPh>
    <phoneticPr fontId="4"/>
  </si>
  <si>
    <t>第10回日本脊椎外科研究会</t>
    <rPh sb="0" eb="1">
      <t>ダイ</t>
    </rPh>
    <rPh sb="3" eb="4">
      <t>カイ</t>
    </rPh>
    <rPh sb="4" eb="6">
      <t>ニホン</t>
    </rPh>
    <rPh sb="6" eb="8">
      <t>セキツイ</t>
    </rPh>
    <rPh sb="8" eb="10">
      <t>ゲカ</t>
    </rPh>
    <rPh sb="10" eb="13">
      <t>ケンキュウカイ</t>
    </rPh>
    <phoneticPr fontId="2"/>
  </si>
  <si>
    <t>片岡　治</t>
    <rPh sb="0" eb="2">
      <t>カタオカ</t>
    </rPh>
    <rPh sb="3" eb="4">
      <t>オサム</t>
    </rPh>
    <phoneticPr fontId="2"/>
  </si>
  <si>
    <t>国立神戸病院</t>
    <rPh sb="0" eb="2">
      <t>コクリツ</t>
    </rPh>
    <rPh sb="2" eb="4">
      <t>コウベ</t>
    </rPh>
    <rPh sb="4" eb="6">
      <t>ビョウイン</t>
    </rPh>
    <phoneticPr fontId="2"/>
  </si>
  <si>
    <t>1981.6.6-7</t>
    <phoneticPr fontId="2"/>
  </si>
  <si>
    <t>昭和56</t>
  </si>
  <si>
    <t>脊椎分離症・すべり症</t>
    <rPh sb="0" eb="2">
      <t>セキツイ</t>
    </rPh>
    <rPh sb="2" eb="5">
      <t>ブンリショウ</t>
    </rPh>
    <rPh sb="9" eb="10">
      <t>ショウ</t>
    </rPh>
    <phoneticPr fontId="2"/>
  </si>
  <si>
    <t>第11回日本脊椎外科研究会</t>
    <rPh sb="0" eb="1">
      <t>ダイ</t>
    </rPh>
    <rPh sb="3" eb="4">
      <t>カイ</t>
    </rPh>
    <rPh sb="4" eb="6">
      <t>ニホン</t>
    </rPh>
    <rPh sb="6" eb="8">
      <t>セキツイ</t>
    </rPh>
    <rPh sb="8" eb="10">
      <t>ゲカ</t>
    </rPh>
    <rPh sb="10" eb="13">
      <t>ケンキュウカイ</t>
    </rPh>
    <phoneticPr fontId="2"/>
  </si>
  <si>
    <t>平林　冽</t>
    <rPh sb="0" eb="2">
      <t>ヒラバヤシ</t>
    </rPh>
    <rPh sb="3" eb="4">
      <t>キヨシ</t>
    </rPh>
    <phoneticPr fontId="2"/>
  </si>
  <si>
    <t>1982.6.5-6</t>
    <phoneticPr fontId="2"/>
  </si>
  <si>
    <t>昭和57</t>
  </si>
  <si>
    <t>朝日生命ホール（東京）</t>
    <rPh sb="0" eb="2">
      <t>アサヒ</t>
    </rPh>
    <rPh sb="2" eb="4">
      <t>セイメイ</t>
    </rPh>
    <rPh sb="8" eb="10">
      <t>トウキョウ</t>
    </rPh>
    <phoneticPr fontId="2"/>
  </si>
  <si>
    <t>上位頚椎部の諸問題</t>
    <rPh sb="0" eb="2">
      <t>ジョウイ</t>
    </rPh>
    <rPh sb="2" eb="4">
      <t>ケイツイ</t>
    </rPh>
    <rPh sb="4" eb="5">
      <t>ブ</t>
    </rPh>
    <rPh sb="6" eb="9">
      <t>ショモンダイ</t>
    </rPh>
    <phoneticPr fontId="2"/>
  </si>
  <si>
    <t>鹿児島大学大学院医歯学総合研究科先進治療科学専攻運動機能修復学講座</t>
  </si>
  <si>
    <t>整形外科学（保健学科）</t>
    <rPh sb="6" eb="8">
      <t>ホケン</t>
    </rPh>
    <rPh sb="8" eb="10">
      <t>ガッカ</t>
    </rPh>
    <phoneticPr fontId="4"/>
  </si>
  <si>
    <t>第12回日本脊椎外科研究会</t>
    <rPh sb="0" eb="1">
      <t>ダイ</t>
    </rPh>
    <rPh sb="3" eb="4">
      <t>カイ</t>
    </rPh>
    <rPh sb="4" eb="6">
      <t>ニホン</t>
    </rPh>
    <rPh sb="6" eb="8">
      <t>セキツイ</t>
    </rPh>
    <rPh sb="8" eb="10">
      <t>ゲカ</t>
    </rPh>
    <rPh sb="10" eb="13">
      <t>ケンキュウカイ</t>
    </rPh>
    <phoneticPr fontId="2"/>
  </si>
  <si>
    <t>酒匂　崇</t>
    <rPh sb="0" eb="2">
      <t>サコウ</t>
    </rPh>
    <rPh sb="3" eb="4">
      <t>タカシ</t>
    </rPh>
    <phoneticPr fontId="2"/>
  </si>
  <si>
    <t>鹿児島大学</t>
    <rPh sb="0" eb="3">
      <t>カゴシマ</t>
    </rPh>
    <rPh sb="3" eb="5">
      <t>ダイガク</t>
    </rPh>
    <phoneticPr fontId="2"/>
  </si>
  <si>
    <t>1983.6.4-5</t>
    <phoneticPr fontId="2"/>
  </si>
  <si>
    <t>昭和58</t>
  </si>
  <si>
    <t>頚部脊椎症</t>
    <rPh sb="0" eb="2">
      <t>ケイブ</t>
    </rPh>
    <rPh sb="2" eb="5">
      <t>セキツイショウ</t>
    </rPh>
    <phoneticPr fontId="2"/>
  </si>
  <si>
    <t>北海道大学大学院医学研究院専門医学系部門</t>
    <rPh sb="12" eb="13">
      <t>イン</t>
    </rPh>
    <phoneticPr fontId="4"/>
  </si>
  <si>
    <t>機能再生医学分野 整形外科学教室</t>
    <rPh sb="6" eb="8">
      <t>ブンヤ</t>
    </rPh>
    <rPh sb="14" eb="16">
      <t>キョウシツ</t>
    </rPh>
    <phoneticPr fontId="4"/>
  </si>
  <si>
    <t>第13回日本脊椎外科研究会</t>
    <rPh sb="0" eb="1">
      <t>ダイ</t>
    </rPh>
    <rPh sb="3" eb="4">
      <t>カイ</t>
    </rPh>
    <rPh sb="4" eb="6">
      <t>ニホン</t>
    </rPh>
    <rPh sb="6" eb="8">
      <t>セキツイ</t>
    </rPh>
    <rPh sb="8" eb="10">
      <t>ゲカ</t>
    </rPh>
    <rPh sb="10" eb="13">
      <t>ケンキュウカイ</t>
    </rPh>
    <phoneticPr fontId="2"/>
  </si>
  <si>
    <t>金田　清志</t>
    <rPh sb="0" eb="1">
      <t>カネ</t>
    </rPh>
    <rPh sb="1" eb="2">
      <t>ダ</t>
    </rPh>
    <rPh sb="3" eb="5">
      <t>キヨシ</t>
    </rPh>
    <phoneticPr fontId="2"/>
  </si>
  <si>
    <t>北海道大学</t>
    <rPh sb="0" eb="3">
      <t>ホッカイドウ</t>
    </rPh>
    <rPh sb="3" eb="5">
      <t>ダイガク</t>
    </rPh>
    <phoneticPr fontId="2"/>
  </si>
  <si>
    <t>1984.7.13-14</t>
    <phoneticPr fontId="2"/>
  </si>
  <si>
    <t>昭和59</t>
  </si>
  <si>
    <t>日経ホール（東京）</t>
    <rPh sb="0" eb="2">
      <t>ニッケイ</t>
    </rPh>
    <rPh sb="6" eb="8">
      <t>トウキョウ</t>
    </rPh>
    <phoneticPr fontId="2"/>
  </si>
  <si>
    <t>Spinal Instrumentation</t>
    <phoneticPr fontId="2"/>
  </si>
  <si>
    <t>弘前大学大学院医学研究科</t>
    <rPh sb="4" eb="7">
      <t>ダイガクイン</t>
    </rPh>
    <rPh sb="9" eb="12">
      <t>ケンキュウカ</t>
    </rPh>
    <phoneticPr fontId="4"/>
  </si>
  <si>
    <t>第14回日本脊椎外科研究会</t>
    <rPh sb="0" eb="1">
      <t>ダイ</t>
    </rPh>
    <rPh sb="3" eb="4">
      <t>カイ</t>
    </rPh>
    <rPh sb="4" eb="6">
      <t>ニホン</t>
    </rPh>
    <rPh sb="6" eb="8">
      <t>セキツイ</t>
    </rPh>
    <rPh sb="8" eb="10">
      <t>ゲカ</t>
    </rPh>
    <rPh sb="10" eb="13">
      <t>ケンキュウカイ</t>
    </rPh>
    <phoneticPr fontId="2"/>
  </si>
  <si>
    <t>原田　征行</t>
    <rPh sb="0" eb="2">
      <t>ハラダ</t>
    </rPh>
    <rPh sb="3" eb="5">
      <t>マサユキ</t>
    </rPh>
    <phoneticPr fontId="2"/>
  </si>
  <si>
    <t>弘前大学</t>
    <rPh sb="0" eb="2">
      <t>ヒロサキ</t>
    </rPh>
    <rPh sb="2" eb="4">
      <t>ダイガク</t>
    </rPh>
    <phoneticPr fontId="2"/>
  </si>
  <si>
    <t>1985.6.7-8</t>
    <phoneticPr fontId="2"/>
  </si>
  <si>
    <t>昭和60</t>
  </si>
  <si>
    <t>脊椎・脊髄外科診断学の進歩</t>
    <rPh sb="0" eb="2">
      <t>セキツイ</t>
    </rPh>
    <rPh sb="3" eb="5">
      <t>セキズイ</t>
    </rPh>
    <rPh sb="5" eb="7">
      <t>ゲカ</t>
    </rPh>
    <rPh sb="7" eb="9">
      <t>シンダン</t>
    </rPh>
    <rPh sb="9" eb="10">
      <t>ガク</t>
    </rPh>
    <rPh sb="11" eb="13">
      <t>シンポ</t>
    </rPh>
    <phoneticPr fontId="2"/>
  </si>
  <si>
    <t>第15回日本脊椎外科研究会</t>
    <rPh sb="0" eb="1">
      <t>ダイ</t>
    </rPh>
    <rPh sb="3" eb="4">
      <t>カイ</t>
    </rPh>
    <rPh sb="4" eb="6">
      <t>ニホン</t>
    </rPh>
    <rPh sb="6" eb="8">
      <t>セキツイ</t>
    </rPh>
    <rPh sb="8" eb="10">
      <t>ゲカ</t>
    </rPh>
    <rPh sb="10" eb="13">
      <t>ケンキュウカイ</t>
    </rPh>
    <phoneticPr fontId="2"/>
  </si>
  <si>
    <t>蓮江　光男</t>
    <rPh sb="0" eb="2">
      <t>ハスエ</t>
    </rPh>
    <rPh sb="3" eb="5">
      <t>ミツオ</t>
    </rPh>
    <phoneticPr fontId="2"/>
  </si>
  <si>
    <t>日本赤十字医療センター</t>
    <rPh sb="0" eb="2">
      <t>ニホン</t>
    </rPh>
    <rPh sb="2" eb="5">
      <t>セキジュウジ</t>
    </rPh>
    <rPh sb="5" eb="7">
      <t>イリョウ</t>
    </rPh>
    <phoneticPr fontId="2"/>
  </si>
  <si>
    <t>1986.6.20-21</t>
    <phoneticPr fontId="2"/>
  </si>
  <si>
    <t>昭和61</t>
  </si>
  <si>
    <t>ニッショーホール(東京）</t>
    <rPh sb="9" eb="11">
      <t>トウキョウ</t>
    </rPh>
    <phoneticPr fontId="2"/>
  </si>
  <si>
    <t>腰仙部根症状の発症機序　－基礎と臨床ー</t>
    <rPh sb="0" eb="1">
      <t>コシ</t>
    </rPh>
    <rPh sb="1" eb="2">
      <t>セン</t>
    </rPh>
    <rPh sb="2" eb="3">
      <t>ブ</t>
    </rPh>
    <rPh sb="3" eb="4">
      <t>ネ</t>
    </rPh>
    <rPh sb="4" eb="5">
      <t>ショウ</t>
    </rPh>
    <rPh sb="5" eb="6">
      <t>ジョウ</t>
    </rPh>
    <rPh sb="7" eb="9">
      <t>ハッショウ</t>
    </rPh>
    <rPh sb="9" eb="10">
      <t>キ</t>
    </rPh>
    <rPh sb="10" eb="11">
      <t>ジョ</t>
    </rPh>
    <rPh sb="13" eb="15">
      <t>キソ</t>
    </rPh>
    <rPh sb="16" eb="18">
      <t>リンショウ</t>
    </rPh>
    <phoneticPr fontId="2"/>
  </si>
  <si>
    <t>第16回日本脊椎外科研究会</t>
    <rPh sb="0" eb="1">
      <t>ダイ</t>
    </rPh>
    <rPh sb="3" eb="4">
      <t>カイ</t>
    </rPh>
    <rPh sb="4" eb="6">
      <t>ニホン</t>
    </rPh>
    <rPh sb="6" eb="8">
      <t>セキツイ</t>
    </rPh>
    <rPh sb="8" eb="10">
      <t>ゲカ</t>
    </rPh>
    <rPh sb="10" eb="13">
      <t>ケンキュウカイ</t>
    </rPh>
    <phoneticPr fontId="2"/>
  </si>
  <si>
    <t>黒川　高秀</t>
    <rPh sb="0" eb="2">
      <t>クロカワ</t>
    </rPh>
    <rPh sb="3" eb="5">
      <t>タカヒデ</t>
    </rPh>
    <phoneticPr fontId="2"/>
  </si>
  <si>
    <t>1987.6.5-6</t>
    <phoneticPr fontId="2"/>
  </si>
  <si>
    <t>昭和62</t>
  </si>
  <si>
    <t>脊柱管内靱帯骨化の病態と治療</t>
    <rPh sb="0" eb="2">
      <t>セキチュウ</t>
    </rPh>
    <rPh sb="2" eb="4">
      <t>カンナイ</t>
    </rPh>
    <rPh sb="4" eb="6">
      <t>ジンタイ</t>
    </rPh>
    <rPh sb="6" eb="8">
      <t>コッカ</t>
    </rPh>
    <rPh sb="9" eb="11">
      <t>ビョウタイ</t>
    </rPh>
    <rPh sb="12" eb="14">
      <t>チリョウ</t>
    </rPh>
    <phoneticPr fontId="2"/>
  </si>
  <si>
    <t>第17回日本脊椎外科研究会</t>
    <rPh sb="0" eb="1">
      <t>ダイ</t>
    </rPh>
    <rPh sb="3" eb="4">
      <t>カイ</t>
    </rPh>
    <rPh sb="4" eb="6">
      <t>ニホン</t>
    </rPh>
    <rPh sb="6" eb="8">
      <t>セキツイ</t>
    </rPh>
    <rPh sb="8" eb="10">
      <t>ゲカ</t>
    </rPh>
    <rPh sb="10" eb="13">
      <t>ケンキュウカイ</t>
    </rPh>
    <phoneticPr fontId="2"/>
  </si>
  <si>
    <t>河合　伸也</t>
    <rPh sb="0" eb="2">
      <t>カワイ</t>
    </rPh>
    <rPh sb="3" eb="5">
      <t>シンヤ</t>
    </rPh>
    <phoneticPr fontId="2"/>
  </si>
  <si>
    <r>
      <t>1988</t>
    </r>
    <r>
      <rPr>
        <sz val="30"/>
        <rFont val="游ゴシック"/>
        <family val="3"/>
        <charset val="128"/>
        <scheme val="minor"/>
      </rPr>
      <t>.6.10-11</t>
    </r>
    <phoneticPr fontId="2"/>
  </si>
  <si>
    <t>昭和63</t>
  </si>
  <si>
    <t>国際交流センター（大阪）</t>
    <rPh sb="0" eb="2">
      <t>コクサイ</t>
    </rPh>
    <rPh sb="2" eb="4">
      <t>コウリュウ</t>
    </rPh>
    <rPh sb="9" eb="11">
      <t>オオサカ</t>
    </rPh>
    <phoneticPr fontId="2"/>
  </si>
  <si>
    <t>不安定頚椎　－基礎と臨床ー</t>
    <rPh sb="0" eb="3">
      <t>フアンテイ</t>
    </rPh>
    <rPh sb="3" eb="5">
      <t>ケイツイ</t>
    </rPh>
    <rPh sb="7" eb="9">
      <t>キソ</t>
    </rPh>
    <rPh sb="10" eb="12">
      <t>リンショウ</t>
    </rPh>
    <phoneticPr fontId="2"/>
  </si>
  <si>
    <t>高知大学医学部</t>
  </si>
  <si>
    <t>整形外科学教室</t>
    <rPh sb="0" eb="7">
      <t>セ</t>
    </rPh>
    <phoneticPr fontId="4"/>
  </si>
  <si>
    <t>第18回日本脊椎外科研究会</t>
    <rPh sb="0" eb="1">
      <t>ダイ</t>
    </rPh>
    <rPh sb="3" eb="4">
      <t>カイ</t>
    </rPh>
    <rPh sb="4" eb="6">
      <t>ニホン</t>
    </rPh>
    <rPh sb="6" eb="8">
      <t>セキツイ</t>
    </rPh>
    <rPh sb="8" eb="10">
      <t>ゲカ</t>
    </rPh>
    <rPh sb="10" eb="13">
      <t>ケンキュウカイ</t>
    </rPh>
    <phoneticPr fontId="2"/>
  </si>
  <si>
    <t>山本　博司</t>
    <rPh sb="0" eb="2">
      <t>ヤマモト</t>
    </rPh>
    <rPh sb="3" eb="5">
      <t>ヒロシ</t>
    </rPh>
    <phoneticPr fontId="2"/>
  </si>
  <si>
    <t>高知医科大学</t>
    <rPh sb="0" eb="2">
      <t>コウチ</t>
    </rPh>
    <rPh sb="2" eb="4">
      <t>イカ</t>
    </rPh>
    <rPh sb="4" eb="6">
      <t>ダイガク</t>
    </rPh>
    <phoneticPr fontId="2"/>
  </si>
  <si>
    <t>1989.5.26-27</t>
    <phoneticPr fontId="2"/>
  </si>
  <si>
    <t>平成1</t>
    <rPh sb="0" eb="2">
      <t>ヘイセイ</t>
    </rPh>
    <phoneticPr fontId="2"/>
  </si>
  <si>
    <t>不安定腰椎</t>
    <rPh sb="0" eb="3">
      <t>フアンテイ</t>
    </rPh>
    <rPh sb="3" eb="5">
      <t>ヨウツイ</t>
    </rPh>
    <phoneticPr fontId="2"/>
  </si>
  <si>
    <t>第19回日本脊椎外科学会</t>
    <rPh sb="0" eb="1">
      <t>ダイ</t>
    </rPh>
    <rPh sb="3" eb="4">
      <t>カイ</t>
    </rPh>
    <rPh sb="4" eb="6">
      <t>ニホン</t>
    </rPh>
    <rPh sb="6" eb="8">
      <t>セキツイ</t>
    </rPh>
    <rPh sb="8" eb="10">
      <t>ゲカ</t>
    </rPh>
    <rPh sb="10" eb="12">
      <t>ガッカイ</t>
    </rPh>
    <phoneticPr fontId="2"/>
  </si>
  <si>
    <t>1990.6.8-9</t>
    <phoneticPr fontId="2"/>
  </si>
  <si>
    <t>平成2</t>
    <rPh sb="0" eb="2">
      <t>ヘイセイ</t>
    </rPh>
    <phoneticPr fontId="2"/>
  </si>
  <si>
    <t>京都会館（京都）</t>
    <rPh sb="0" eb="2">
      <t>キョウト</t>
    </rPh>
    <rPh sb="2" eb="4">
      <t>カイカン</t>
    </rPh>
    <rPh sb="5" eb="7">
      <t>キョウト</t>
    </rPh>
    <phoneticPr fontId="2"/>
  </si>
  <si>
    <t>1.Spinal dysraphism 　2.Pedicular screwing</t>
    <phoneticPr fontId="2"/>
  </si>
  <si>
    <t>旭川医科大学</t>
    <phoneticPr fontId="2"/>
  </si>
  <si>
    <t>第20回日本脊椎外科学会</t>
    <rPh sb="0" eb="1">
      <t>ダイ</t>
    </rPh>
    <rPh sb="3" eb="4">
      <t>カイ</t>
    </rPh>
    <rPh sb="4" eb="6">
      <t>ニホン</t>
    </rPh>
    <rPh sb="6" eb="8">
      <t>セキツイ</t>
    </rPh>
    <rPh sb="8" eb="10">
      <t>ゲカ</t>
    </rPh>
    <rPh sb="10" eb="12">
      <t>ガッカイ</t>
    </rPh>
    <phoneticPr fontId="2"/>
  </si>
  <si>
    <t>1991.6.21-22</t>
    <phoneticPr fontId="2"/>
  </si>
  <si>
    <t>平成3</t>
    <rPh sb="0" eb="2">
      <t>ヘイセイ</t>
    </rPh>
    <phoneticPr fontId="2"/>
  </si>
  <si>
    <t>旭川市民文化会館（旭川）</t>
    <rPh sb="0" eb="2">
      <t>アサヒカワ</t>
    </rPh>
    <rPh sb="2" eb="4">
      <t>シミン</t>
    </rPh>
    <rPh sb="4" eb="6">
      <t>ブンカ</t>
    </rPh>
    <rPh sb="6" eb="8">
      <t>カイカン</t>
    </rPh>
    <rPh sb="9" eb="11">
      <t>アサヒカワ</t>
    </rPh>
    <phoneticPr fontId="2"/>
  </si>
  <si>
    <t>腰部脊柱管狭窄症</t>
    <rPh sb="0" eb="2">
      <t>ヨウブ</t>
    </rPh>
    <rPh sb="2" eb="5">
      <t>セキチュウカン</t>
    </rPh>
    <rPh sb="5" eb="8">
      <t>キョウサクショウ</t>
    </rPh>
    <phoneticPr fontId="2"/>
  </si>
  <si>
    <t>第21回日本脊椎外科学会</t>
    <rPh sb="0" eb="1">
      <t>ダイ</t>
    </rPh>
    <rPh sb="3" eb="4">
      <t>カイ</t>
    </rPh>
    <rPh sb="4" eb="6">
      <t>ニホン</t>
    </rPh>
    <rPh sb="6" eb="8">
      <t>セキツイ</t>
    </rPh>
    <rPh sb="8" eb="10">
      <t>ゲカ</t>
    </rPh>
    <rPh sb="10" eb="12">
      <t>ガッカイ</t>
    </rPh>
    <phoneticPr fontId="2"/>
  </si>
  <si>
    <t>1992.6.12-13</t>
    <phoneticPr fontId="2"/>
  </si>
  <si>
    <t>平成4</t>
    <rPh sb="0" eb="2">
      <t>ヘイセイ</t>
    </rPh>
    <phoneticPr fontId="2"/>
  </si>
  <si>
    <t>神戸国際会議場（神戸）</t>
    <rPh sb="0" eb="2">
      <t>コウベ</t>
    </rPh>
    <rPh sb="2" eb="4">
      <t>コクサイ</t>
    </rPh>
    <rPh sb="4" eb="7">
      <t>カイギジョウ</t>
    </rPh>
    <rPh sb="8" eb="10">
      <t>コウベ</t>
    </rPh>
    <phoneticPr fontId="2"/>
  </si>
  <si>
    <t>脊椎とその周辺からの痛み　－最近の進歩を中心にー</t>
    <rPh sb="0" eb="2">
      <t>セキツイ</t>
    </rPh>
    <rPh sb="5" eb="7">
      <t>シュウヘン</t>
    </rPh>
    <rPh sb="10" eb="11">
      <t>イタ</t>
    </rPh>
    <rPh sb="14" eb="16">
      <t>サイキン</t>
    </rPh>
    <rPh sb="17" eb="19">
      <t>シンポ</t>
    </rPh>
    <rPh sb="20" eb="22">
      <t>チュウシン</t>
    </rPh>
    <phoneticPr fontId="2"/>
  </si>
  <si>
    <t>第22回日本脊椎外科学会</t>
    <rPh sb="0" eb="1">
      <t>ダイ</t>
    </rPh>
    <rPh sb="3" eb="4">
      <t>カイ</t>
    </rPh>
    <rPh sb="4" eb="6">
      <t>ニホン</t>
    </rPh>
    <rPh sb="6" eb="8">
      <t>セキツイ</t>
    </rPh>
    <rPh sb="8" eb="10">
      <t>ゲカ</t>
    </rPh>
    <rPh sb="10" eb="12">
      <t>ガッカイ</t>
    </rPh>
    <phoneticPr fontId="2"/>
  </si>
  <si>
    <t>1993.6.4-5</t>
    <phoneticPr fontId="2"/>
  </si>
  <si>
    <t>平成5</t>
    <rPh sb="0" eb="2">
      <t>ヘイセイ</t>
    </rPh>
    <phoneticPr fontId="2"/>
  </si>
  <si>
    <t>富山県民会館(富山）</t>
    <rPh sb="0" eb="2">
      <t>トヤマ</t>
    </rPh>
    <rPh sb="2" eb="4">
      <t>ケンミン</t>
    </rPh>
    <rPh sb="4" eb="6">
      <t>カイカン</t>
    </rPh>
    <rPh sb="7" eb="9">
      <t>トヤマ</t>
    </rPh>
    <phoneticPr fontId="2"/>
  </si>
  <si>
    <t>椎間板　－基礎と臨床ー</t>
    <rPh sb="0" eb="3">
      <t>ツイカンバン</t>
    </rPh>
    <rPh sb="5" eb="7">
      <t>キソ</t>
    </rPh>
    <rPh sb="8" eb="10">
      <t>リンショウ</t>
    </rPh>
    <phoneticPr fontId="2"/>
  </si>
  <si>
    <t>神戸大学大学院医学研究科・外科系講座</t>
    <phoneticPr fontId="2"/>
  </si>
  <si>
    <t>第23回日本脊椎外科学会</t>
    <rPh sb="0" eb="1">
      <t>ダイ</t>
    </rPh>
    <rPh sb="3" eb="4">
      <t>カイ</t>
    </rPh>
    <rPh sb="4" eb="6">
      <t>ニホン</t>
    </rPh>
    <rPh sb="6" eb="8">
      <t>セキツイ</t>
    </rPh>
    <rPh sb="8" eb="10">
      <t>ゲカ</t>
    </rPh>
    <rPh sb="10" eb="12">
      <t>ガッカイ</t>
    </rPh>
    <phoneticPr fontId="2"/>
  </si>
  <si>
    <t>1994.6.3-4</t>
    <phoneticPr fontId="2"/>
  </si>
  <si>
    <t>平成6</t>
    <rPh sb="0" eb="2">
      <t>ヘイセイ</t>
    </rPh>
    <phoneticPr fontId="2"/>
  </si>
  <si>
    <t>上位頚椎疾患　－その病態、診断と治療ー</t>
    <rPh sb="0" eb="2">
      <t>ジョウイ</t>
    </rPh>
    <rPh sb="2" eb="4">
      <t>ケイツイ</t>
    </rPh>
    <rPh sb="4" eb="6">
      <t>シッカン</t>
    </rPh>
    <rPh sb="10" eb="12">
      <t>ビョウタイ</t>
    </rPh>
    <rPh sb="13" eb="15">
      <t>シンダン</t>
    </rPh>
    <rPh sb="16" eb="18">
      <t>チリョウ</t>
    </rPh>
    <phoneticPr fontId="2"/>
  </si>
  <si>
    <t>東京医科大学</t>
  </si>
  <si>
    <t>整形外科学分野</t>
    <rPh sb="5" eb="7">
      <t>ブンヤ</t>
    </rPh>
    <phoneticPr fontId="4"/>
  </si>
  <si>
    <t>第24回日本脊椎外科学会</t>
    <rPh sb="0" eb="1">
      <t>ダイ</t>
    </rPh>
    <rPh sb="3" eb="4">
      <t>カイ</t>
    </rPh>
    <rPh sb="4" eb="6">
      <t>ニホン</t>
    </rPh>
    <rPh sb="6" eb="8">
      <t>セキツイ</t>
    </rPh>
    <rPh sb="8" eb="10">
      <t>ゲカ</t>
    </rPh>
    <rPh sb="10" eb="12">
      <t>ガッカイ</t>
    </rPh>
    <phoneticPr fontId="2"/>
  </si>
  <si>
    <t>三浦　幸雄</t>
    <rPh sb="0" eb="2">
      <t>ミウラ</t>
    </rPh>
    <rPh sb="3" eb="5">
      <t>ユキオ</t>
    </rPh>
    <phoneticPr fontId="2"/>
  </si>
  <si>
    <t>東京医科大学</t>
    <rPh sb="0" eb="2">
      <t>トウキョウ</t>
    </rPh>
    <rPh sb="2" eb="4">
      <t>イカ</t>
    </rPh>
    <rPh sb="4" eb="6">
      <t>ダイガク</t>
    </rPh>
    <phoneticPr fontId="2"/>
  </si>
  <si>
    <t>1995.6.2-3</t>
    <phoneticPr fontId="2"/>
  </si>
  <si>
    <t>平成7</t>
    <rPh sb="0" eb="2">
      <t>ヘイセイ</t>
    </rPh>
    <phoneticPr fontId="2"/>
  </si>
  <si>
    <t>京王プラザホテル（東京）</t>
    <rPh sb="0" eb="2">
      <t>ケイオウ</t>
    </rPh>
    <rPh sb="9" eb="11">
      <t>トウキョウ</t>
    </rPh>
    <phoneticPr fontId="2"/>
  </si>
  <si>
    <t>脊椎外傷の最近の進歩（上位頚椎を除く）</t>
    <rPh sb="0" eb="2">
      <t>セキツイ</t>
    </rPh>
    <rPh sb="2" eb="4">
      <t>ガイショウ</t>
    </rPh>
    <rPh sb="5" eb="7">
      <t>サイキン</t>
    </rPh>
    <rPh sb="8" eb="10">
      <t>シンポ</t>
    </rPh>
    <rPh sb="11" eb="13">
      <t>ジョウイ</t>
    </rPh>
    <rPh sb="13" eb="15">
      <t>ケイツイ</t>
    </rPh>
    <rPh sb="16" eb="17">
      <t>ノゾ</t>
    </rPh>
    <phoneticPr fontId="2"/>
  </si>
  <si>
    <t>第25回日本脊椎外科学会</t>
    <rPh sb="0" eb="1">
      <t>ダイ</t>
    </rPh>
    <rPh sb="3" eb="4">
      <t>カイ</t>
    </rPh>
    <rPh sb="4" eb="6">
      <t>ニホン</t>
    </rPh>
    <rPh sb="6" eb="8">
      <t>セキツイ</t>
    </rPh>
    <rPh sb="8" eb="10">
      <t>ゲカ</t>
    </rPh>
    <rPh sb="10" eb="12">
      <t>ガッカイ</t>
    </rPh>
    <phoneticPr fontId="2"/>
  </si>
  <si>
    <t>1996.6.14-15</t>
    <phoneticPr fontId="2"/>
  </si>
  <si>
    <t>平成8</t>
    <rPh sb="0" eb="2">
      <t>ヘイセイ</t>
    </rPh>
    <phoneticPr fontId="2"/>
  </si>
  <si>
    <t>名古屋国際会議場(名古屋）</t>
    <rPh sb="0" eb="3">
      <t>ナゴヤ</t>
    </rPh>
    <rPh sb="3" eb="5">
      <t>コクサイ</t>
    </rPh>
    <rPh sb="5" eb="8">
      <t>カイギジョウ</t>
    </rPh>
    <rPh sb="9" eb="12">
      <t>ナゴヤ</t>
    </rPh>
    <phoneticPr fontId="2"/>
  </si>
  <si>
    <t>脊椎外科最近の進歩</t>
    <rPh sb="0" eb="2">
      <t>セキツイ</t>
    </rPh>
    <rPh sb="2" eb="4">
      <t>ゲカ</t>
    </rPh>
    <rPh sb="4" eb="6">
      <t>サイキン</t>
    </rPh>
    <rPh sb="7" eb="9">
      <t>シンポ</t>
    </rPh>
    <phoneticPr fontId="2"/>
  </si>
  <si>
    <t>東邦大学医学部</t>
  </si>
  <si>
    <t>整形外科学講座</t>
  </si>
  <si>
    <t>第26回日本脊椎外科学会</t>
    <rPh sb="0" eb="1">
      <t>ダイ</t>
    </rPh>
    <rPh sb="3" eb="4">
      <t>カイ</t>
    </rPh>
    <rPh sb="4" eb="6">
      <t>ニホン</t>
    </rPh>
    <rPh sb="6" eb="8">
      <t>セキツイ</t>
    </rPh>
    <rPh sb="8" eb="10">
      <t>ゲカ</t>
    </rPh>
    <rPh sb="10" eb="12">
      <t>ガッカイ</t>
    </rPh>
    <phoneticPr fontId="2"/>
  </si>
  <si>
    <t>茂手木　三男</t>
    <rPh sb="0" eb="3">
      <t>モテギ</t>
    </rPh>
    <rPh sb="4" eb="6">
      <t>サンナン</t>
    </rPh>
    <phoneticPr fontId="2"/>
  </si>
  <si>
    <t>東邦大学</t>
    <rPh sb="0" eb="2">
      <t>トウホウ</t>
    </rPh>
    <rPh sb="2" eb="4">
      <t>ダイガク</t>
    </rPh>
    <phoneticPr fontId="2"/>
  </si>
  <si>
    <t>1997.4.18-19</t>
    <phoneticPr fontId="2"/>
  </si>
  <si>
    <t>平成9</t>
    <rPh sb="0" eb="2">
      <t>ヘイセイ</t>
    </rPh>
    <phoneticPr fontId="2"/>
  </si>
  <si>
    <t>パシフィコ横浜（横浜）</t>
    <rPh sb="5" eb="7">
      <t>ヨコハマ</t>
    </rPh>
    <rPh sb="8" eb="10">
      <t>ヨコハマ</t>
    </rPh>
    <phoneticPr fontId="2"/>
  </si>
  <si>
    <t>脊柱靱帯骨化症に関する最近の進歩</t>
    <rPh sb="0" eb="2">
      <t>セキチュウ</t>
    </rPh>
    <rPh sb="2" eb="4">
      <t>ジンタイ</t>
    </rPh>
    <rPh sb="4" eb="7">
      <t>コッカショウ</t>
    </rPh>
    <rPh sb="8" eb="9">
      <t>カン</t>
    </rPh>
    <rPh sb="11" eb="13">
      <t>サイキン</t>
    </rPh>
    <rPh sb="14" eb="16">
      <t>シンポ</t>
    </rPh>
    <phoneticPr fontId="2"/>
  </si>
  <si>
    <t>北海道大学大学院医学研究院専門医学系部門</t>
    <phoneticPr fontId="2"/>
  </si>
  <si>
    <t>第27回日本脊椎外科学会</t>
    <rPh sb="0" eb="1">
      <t>ダイ</t>
    </rPh>
    <rPh sb="3" eb="4">
      <t>カイ</t>
    </rPh>
    <rPh sb="4" eb="6">
      <t>ニホン</t>
    </rPh>
    <rPh sb="6" eb="8">
      <t>セキツイ</t>
    </rPh>
    <rPh sb="8" eb="10">
      <t>ゲカ</t>
    </rPh>
    <rPh sb="10" eb="12">
      <t>ガッカイ</t>
    </rPh>
    <phoneticPr fontId="2"/>
  </si>
  <si>
    <t>金田　清志</t>
    <rPh sb="0" eb="2">
      <t>カネダ</t>
    </rPh>
    <rPh sb="3" eb="5">
      <t>キヨシ</t>
    </rPh>
    <phoneticPr fontId="2"/>
  </si>
  <si>
    <t>1998.6.18-19</t>
    <phoneticPr fontId="2"/>
  </si>
  <si>
    <t>平成10</t>
    <rPh sb="0" eb="2">
      <t>ヘイセイ</t>
    </rPh>
    <phoneticPr fontId="2"/>
  </si>
  <si>
    <t>ロイトン札幌（札幌）</t>
    <rPh sb="4" eb="6">
      <t>サッポロ</t>
    </rPh>
    <rPh sb="7" eb="9">
      <t>サッポロ</t>
    </rPh>
    <phoneticPr fontId="2"/>
  </si>
  <si>
    <t>脊椎骨切り術と脊柱再建</t>
    <rPh sb="0" eb="2">
      <t>セキツイ</t>
    </rPh>
    <rPh sb="2" eb="3">
      <t>ホネ</t>
    </rPh>
    <rPh sb="3" eb="4">
      <t>キ</t>
    </rPh>
    <rPh sb="5" eb="6">
      <t>ジュツ</t>
    </rPh>
    <rPh sb="7" eb="9">
      <t>セキチュウ</t>
    </rPh>
    <rPh sb="9" eb="11">
      <t>サイケン</t>
    </rPh>
    <phoneticPr fontId="2"/>
  </si>
  <si>
    <t>第28回日本脊椎外科学会</t>
    <rPh sb="0" eb="1">
      <t>ダイ</t>
    </rPh>
    <rPh sb="3" eb="4">
      <t>カイ</t>
    </rPh>
    <rPh sb="4" eb="6">
      <t>ニホン</t>
    </rPh>
    <rPh sb="6" eb="8">
      <t>セキツイ</t>
    </rPh>
    <rPh sb="8" eb="10">
      <t>ゲカ</t>
    </rPh>
    <rPh sb="10" eb="12">
      <t>ガッカイ</t>
    </rPh>
    <phoneticPr fontId="2"/>
  </si>
  <si>
    <t>平林　冽</t>
    <rPh sb="0" eb="2">
      <t>ヒラバヤシ</t>
    </rPh>
    <phoneticPr fontId="2"/>
  </si>
  <si>
    <t>1999.6.4-5</t>
    <phoneticPr fontId="2"/>
  </si>
  <si>
    <t>平成11</t>
    <rPh sb="0" eb="2">
      <t>ヘイセイ</t>
    </rPh>
    <phoneticPr fontId="2"/>
  </si>
  <si>
    <t>東京国際フォーラム（東京）</t>
    <rPh sb="0" eb="2">
      <t>トウキョウ</t>
    </rPh>
    <rPh sb="2" eb="4">
      <t>コクサイ</t>
    </rPh>
    <rPh sb="10" eb="12">
      <t>トウキョウ</t>
    </rPh>
    <phoneticPr fontId="2"/>
  </si>
  <si>
    <t>脊椎手術の長期予後　－その問題点と対策ー</t>
    <rPh sb="0" eb="2">
      <t>セキツイ</t>
    </rPh>
    <rPh sb="2" eb="4">
      <t>シュジュツ</t>
    </rPh>
    <rPh sb="5" eb="7">
      <t>チョウキ</t>
    </rPh>
    <rPh sb="7" eb="9">
      <t>ヨゴ</t>
    </rPh>
    <rPh sb="13" eb="15">
      <t>モンダイ</t>
    </rPh>
    <rPh sb="15" eb="16">
      <t>テン</t>
    </rPh>
    <rPh sb="17" eb="19">
      <t>タイサク</t>
    </rPh>
    <phoneticPr fontId="2"/>
  </si>
  <si>
    <t>藤田医科大学医学部</t>
    <rPh sb="2" eb="4">
      <t>イカ</t>
    </rPh>
    <phoneticPr fontId="4"/>
  </si>
  <si>
    <t>第29回日本脊椎外科学会</t>
    <rPh sb="0" eb="1">
      <t>ダイ</t>
    </rPh>
    <rPh sb="3" eb="4">
      <t>カイ</t>
    </rPh>
    <rPh sb="4" eb="6">
      <t>ニホン</t>
    </rPh>
    <rPh sb="6" eb="8">
      <t>セキツイ</t>
    </rPh>
    <rPh sb="8" eb="10">
      <t>ゲカ</t>
    </rPh>
    <rPh sb="10" eb="12">
      <t>ガッカイ</t>
    </rPh>
    <phoneticPr fontId="2"/>
  </si>
  <si>
    <t>吉澤　英造</t>
    <rPh sb="0" eb="2">
      <t>ヨシザワ</t>
    </rPh>
    <rPh sb="3" eb="4">
      <t>ヒデ</t>
    </rPh>
    <rPh sb="4" eb="5">
      <t>ゾウ</t>
    </rPh>
    <phoneticPr fontId="2"/>
  </si>
  <si>
    <t>藤田保健衛生大学</t>
    <rPh sb="0" eb="2">
      <t>フジタ</t>
    </rPh>
    <rPh sb="2" eb="4">
      <t>ホケン</t>
    </rPh>
    <rPh sb="4" eb="6">
      <t>エイセイ</t>
    </rPh>
    <rPh sb="6" eb="8">
      <t>ダイガク</t>
    </rPh>
    <phoneticPr fontId="2"/>
  </si>
  <si>
    <t>2000.6.8-9</t>
    <phoneticPr fontId="2"/>
  </si>
  <si>
    <t>平成12</t>
    <rPh sb="0" eb="2">
      <t>ヘイセイ</t>
    </rPh>
    <phoneticPr fontId="2"/>
  </si>
  <si>
    <t>椎間板ヘルニア</t>
    <rPh sb="0" eb="3">
      <t>ツイカンバン</t>
    </rPh>
    <phoneticPr fontId="2"/>
  </si>
  <si>
    <t>第30回日本脊椎脊髄病学会</t>
    <rPh sb="0" eb="1">
      <t>ダイ</t>
    </rPh>
    <rPh sb="3" eb="4">
      <t>カイ</t>
    </rPh>
    <rPh sb="4" eb="6">
      <t>ニホン</t>
    </rPh>
    <rPh sb="6" eb="8">
      <t>セキツイ</t>
    </rPh>
    <rPh sb="8" eb="10">
      <t>セキズイ</t>
    </rPh>
    <rPh sb="10" eb="11">
      <t>ビョウ</t>
    </rPh>
    <rPh sb="11" eb="13">
      <t>ガッカイ</t>
    </rPh>
    <phoneticPr fontId="2"/>
  </si>
  <si>
    <t>山本　博司</t>
    <rPh sb="0" eb="2">
      <t>ヤマモト</t>
    </rPh>
    <rPh sb="3" eb="4">
      <t>ヒロ</t>
    </rPh>
    <rPh sb="4" eb="5">
      <t>ツカサ</t>
    </rPh>
    <phoneticPr fontId="2"/>
  </si>
  <si>
    <t>2001.6.7-8</t>
    <phoneticPr fontId="2"/>
  </si>
  <si>
    <t>平成13</t>
    <rPh sb="0" eb="2">
      <t>ヘイセイ</t>
    </rPh>
    <phoneticPr fontId="2"/>
  </si>
  <si>
    <t>高知県民文化ホール（高知）</t>
    <rPh sb="0" eb="4">
      <t>コウチケンミン</t>
    </rPh>
    <rPh sb="4" eb="6">
      <t>ブンカ</t>
    </rPh>
    <rPh sb="10" eb="12">
      <t>コウチ</t>
    </rPh>
    <phoneticPr fontId="2"/>
  </si>
  <si>
    <t>脊椎脊髄に由来する痛み　-基礎と臨床-</t>
    <rPh sb="0" eb="2">
      <t>セキツイ</t>
    </rPh>
    <rPh sb="2" eb="4">
      <t>セキズイ</t>
    </rPh>
    <rPh sb="5" eb="7">
      <t>ユライ</t>
    </rPh>
    <rPh sb="9" eb="10">
      <t>イタ</t>
    </rPh>
    <rPh sb="13" eb="15">
      <t>キソ</t>
    </rPh>
    <rPh sb="16" eb="18">
      <t>リンショウ</t>
    </rPh>
    <phoneticPr fontId="2"/>
  </si>
  <si>
    <t>宮崎大学医学部感覚運動医学講座</t>
  </si>
  <si>
    <t>整形外科学分野_x0000__x0000_</t>
  </si>
  <si>
    <t>第31回日本脊椎脊髄病学会</t>
    <rPh sb="0" eb="1">
      <t>ダイ</t>
    </rPh>
    <rPh sb="3" eb="4">
      <t>カイ</t>
    </rPh>
    <rPh sb="4" eb="6">
      <t>ニホン</t>
    </rPh>
    <rPh sb="6" eb="8">
      <t>セキツイ</t>
    </rPh>
    <rPh sb="8" eb="10">
      <t>セキズイ</t>
    </rPh>
    <rPh sb="10" eb="11">
      <t>ビョウ</t>
    </rPh>
    <rPh sb="11" eb="13">
      <t>ガッカイ</t>
    </rPh>
    <phoneticPr fontId="2"/>
  </si>
  <si>
    <t>田島　直也</t>
    <rPh sb="0" eb="2">
      <t>タジマ</t>
    </rPh>
    <rPh sb="3" eb="5">
      <t>ナオヤ</t>
    </rPh>
    <phoneticPr fontId="2"/>
  </si>
  <si>
    <t>宮崎大学</t>
    <rPh sb="0" eb="2">
      <t>ミヤザキ</t>
    </rPh>
    <rPh sb="2" eb="4">
      <t>ダイガク</t>
    </rPh>
    <phoneticPr fontId="2"/>
  </si>
  <si>
    <t>2002.6.6-7</t>
    <phoneticPr fontId="2"/>
  </si>
  <si>
    <t>平成14</t>
    <rPh sb="0" eb="2">
      <t>ヘイセイ</t>
    </rPh>
    <phoneticPr fontId="2"/>
  </si>
  <si>
    <t>シェラトン・グランデ・オーシャンリゾート　ワールドコンベンションセンター　サミット（宮崎）</t>
    <rPh sb="42" eb="44">
      <t>ミヤザキ</t>
    </rPh>
    <phoneticPr fontId="2"/>
  </si>
  <si>
    <t>腰椎のバイオメカニクス　頚椎のバイオメカニクス</t>
    <rPh sb="0" eb="2">
      <t>ヨウツイ</t>
    </rPh>
    <rPh sb="12" eb="14">
      <t>ケイツイ</t>
    </rPh>
    <phoneticPr fontId="2"/>
  </si>
  <si>
    <t>第32回日本脊椎脊髄病学会</t>
    <rPh sb="0" eb="1">
      <t>ダイ</t>
    </rPh>
    <rPh sb="3" eb="4">
      <t>カイ</t>
    </rPh>
    <rPh sb="4" eb="6">
      <t>ニホン</t>
    </rPh>
    <rPh sb="6" eb="8">
      <t>セキツイ</t>
    </rPh>
    <rPh sb="8" eb="10">
      <t>セキズイ</t>
    </rPh>
    <rPh sb="10" eb="11">
      <t>ビョウ</t>
    </rPh>
    <rPh sb="11" eb="13">
      <t>ガッカイ</t>
    </rPh>
    <phoneticPr fontId="2"/>
  </si>
  <si>
    <t>2003.4.4-6</t>
    <phoneticPr fontId="2"/>
  </si>
  <si>
    <t>平成15</t>
    <rPh sb="0" eb="2">
      <t>ヘイセイ</t>
    </rPh>
    <phoneticPr fontId="2"/>
  </si>
  <si>
    <t>アクロス福岡（福岡）</t>
    <rPh sb="4" eb="6">
      <t>フクオカ</t>
    </rPh>
    <rPh sb="7" eb="9">
      <t>フクオカ</t>
    </rPh>
    <phoneticPr fontId="2"/>
  </si>
  <si>
    <t>温かい先端医療を</t>
    <rPh sb="0" eb="1">
      <t>アタタ</t>
    </rPh>
    <rPh sb="3" eb="5">
      <t>センタン</t>
    </rPh>
    <rPh sb="5" eb="7">
      <t>イリョウ</t>
    </rPh>
    <phoneticPr fontId="2"/>
  </si>
  <si>
    <t>東京女子医科大学</t>
  </si>
  <si>
    <t>第33回日本脊椎脊髄病学会</t>
    <rPh sb="0" eb="1">
      <t>ダイ</t>
    </rPh>
    <rPh sb="3" eb="4">
      <t>カイ</t>
    </rPh>
    <rPh sb="4" eb="6">
      <t>ニホン</t>
    </rPh>
    <rPh sb="6" eb="8">
      <t>セキツイ</t>
    </rPh>
    <rPh sb="8" eb="10">
      <t>セキズイ</t>
    </rPh>
    <rPh sb="10" eb="11">
      <t>ビョウ</t>
    </rPh>
    <rPh sb="11" eb="13">
      <t>ガッカイ</t>
    </rPh>
    <phoneticPr fontId="2"/>
  </si>
  <si>
    <t>伊藤　達雄</t>
    <rPh sb="0" eb="2">
      <t>イトウ</t>
    </rPh>
    <rPh sb="3" eb="5">
      <t>タツオ</t>
    </rPh>
    <phoneticPr fontId="2"/>
  </si>
  <si>
    <t>東京女子医科大学</t>
    <rPh sb="0" eb="2">
      <t>トウキョウ</t>
    </rPh>
    <rPh sb="2" eb="4">
      <t>ジョシ</t>
    </rPh>
    <rPh sb="4" eb="6">
      <t>イカ</t>
    </rPh>
    <rPh sb="6" eb="8">
      <t>ダイガク</t>
    </rPh>
    <phoneticPr fontId="2"/>
  </si>
  <si>
    <t>2004.6.8-10</t>
    <phoneticPr fontId="2"/>
  </si>
  <si>
    <t>平成16</t>
    <rPh sb="0" eb="2">
      <t>ヘイセイ</t>
    </rPh>
    <phoneticPr fontId="2"/>
  </si>
  <si>
    <t>Spine Surgeon Now and Then</t>
    <phoneticPr fontId="2"/>
  </si>
  <si>
    <t>東北大学大学院医学系研究科医科学専攻外科病態学講座</t>
    <phoneticPr fontId="2"/>
  </si>
  <si>
    <t>整形外科学分野</t>
    <phoneticPr fontId="2"/>
  </si>
  <si>
    <t>第34回日本脊椎脊髄病学会</t>
    <rPh sb="0" eb="1">
      <t>ダイ</t>
    </rPh>
    <rPh sb="3" eb="4">
      <t>カイ</t>
    </rPh>
    <rPh sb="4" eb="6">
      <t>ニホン</t>
    </rPh>
    <rPh sb="6" eb="8">
      <t>セキツイ</t>
    </rPh>
    <rPh sb="8" eb="10">
      <t>セキズイ</t>
    </rPh>
    <rPh sb="10" eb="11">
      <t>ビョウ</t>
    </rPh>
    <rPh sb="11" eb="13">
      <t>ガッカイ</t>
    </rPh>
    <phoneticPr fontId="2"/>
  </si>
  <si>
    <t>国分　正一</t>
    <rPh sb="0" eb="2">
      <t>コクブ</t>
    </rPh>
    <rPh sb="3" eb="5">
      <t>ショウイチ</t>
    </rPh>
    <phoneticPr fontId="2"/>
  </si>
  <si>
    <t>東北大学</t>
    <rPh sb="0" eb="2">
      <t>トウホク</t>
    </rPh>
    <rPh sb="2" eb="4">
      <t>ダイガク</t>
    </rPh>
    <phoneticPr fontId="2"/>
  </si>
  <si>
    <t>2005.6.10-11</t>
    <phoneticPr fontId="2"/>
  </si>
  <si>
    <t>平成17</t>
    <rPh sb="0" eb="2">
      <t>ヘイセイ</t>
    </rPh>
    <phoneticPr fontId="2"/>
  </si>
  <si>
    <t>仙台国際センター（仙台）</t>
    <rPh sb="0" eb="2">
      <t>センダイ</t>
    </rPh>
    <rPh sb="2" eb="4">
      <t>コクサイ</t>
    </rPh>
    <rPh sb="9" eb="11">
      <t>センダイ</t>
    </rPh>
    <phoneticPr fontId="2"/>
  </si>
  <si>
    <t>1.頚髄症,  2.胸髄症,  3.脊髄腫瘍</t>
    <rPh sb="2" eb="5">
      <t>ケイズイショウ</t>
    </rPh>
    <rPh sb="10" eb="12">
      <t>キョウズイ</t>
    </rPh>
    <rPh sb="12" eb="13">
      <t>ショウ</t>
    </rPh>
    <rPh sb="18" eb="20">
      <t>セキズイ</t>
    </rPh>
    <rPh sb="20" eb="22">
      <t>シュヨウ</t>
    </rPh>
    <phoneticPr fontId="2"/>
  </si>
  <si>
    <t>東京医科歯科大学大学院医歯学総合研究科先端医療開発学講座</t>
    <rPh sb="26" eb="28">
      <t>コウザ</t>
    </rPh>
    <phoneticPr fontId="4"/>
  </si>
  <si>
    <t>整形外科学分野</t>
  </si>
  <si>
    <t>第35回日本脊椎脊髄病学会</t>
    <rPh sb="0" eb="1">
      <t>ダイ</t>
    </rPh>
    <rPh sb="3" eb="4">
      <t>カイ</t>
    </rPh>
    <rPh sb="4" eb="6">
      <t>ニホン</t>
    </rPh>
    <rPh sb="6" eb="8">
      <t>セキツイ</t>
    </rPh>
    <rPh sb="8" eb="10">
      <t>セキズイ</t>
    </rPh>
    <rPh sb="10" eb="11">
      <t>ビョウ</t>
    </rPh>
    <rPh sb="11" eb="13">
      <t>ガッカイ</t>
    </rPh>
    <phoneticPr fontId="2"/>
  </si>
  <si>
    <t>四宮　謙一</t>
    <rPh sb="0" eb="2">
      <t>シノミヤ</t>
    </rPh>
    <rPh sb="3" eb="5">
      <t>ケンイチ</t>
    </rPh>
    <phoneticPr fontId="2"/>
  </si>
  <si>
    <t>東京医科歯科大学</t>
    <rPh sb="0" eb="2">
      <t>トウキョウ</t>
    </rPh>
    <rPh sb="2" eb="4">
      <t>イカ</t>
    </rPh>
    <rPh sb="4" eb="6">
      <t>シカ</t>
    </rPh>
    <rPh sb="6" eb="8">
      <t>ダイガク</t>
    </rPh>
    <phoneticPr fontId="2"/>
  </si>
  <si>
    <t>2006.4.21-22</t>
    <phoneticPr fontId="2"/>
  </si>
  <si>
    <t>平成18</t>
    <rPh sb="0" eb="2">
      <t>ヘイセイ</t>
    </rPh>
    <phoneticPr fontId="2"/>
  </si>
  <si>
    <t>「根拠」「先端」「技術」</t>
    <rPh sb="1" eb="3">
      <t>コンキョ</t>
    </rPh>
    <rPh sb="5" eb="7">
      <t>センタン</t>
    </rPh>
    <rPh sb="9" eb="11">
      <t>ギジュツ</t>
    </rPh>
    <phoneticPr fontId="2"/>
  </si>
  <si>
    <t>金沢大学大学院医薬保健学総合研究科</t>
    <phoneticPr fontId="2"/>
  </si>
  <si>
    <t>第36回日本脊椎脊髄病学会</t>
    <rPh sb="0" eb="1">
      <t>ダイ</t>
    </rPh>
    <rPh sb="3" eb="4">
      <t>カイ</t>
    </rPh>
    <rPh sb="4" eb="6">
      <t>ニホン</t>
    </rPh>
    <rPh sb="6" eb="8">
      <t>セキツイ</t>
    </rPh>
    <rPh sb="8" eb="10">
      <t>セキズイ</t>
    </rPh>
    <rPh sb="10" eb="11">
      <t>ビョウ</t>
    </rPh>
    <rPh sb="11" eb="13">
      <t>ガッカイ</t>
    </rPh>
    <phoneticPr fontId="2"/>
  </si>
  <si>
    <t>富田　勝郎</t>
    <rPh sb="0" eb="2">
      <t>トミタ</t>
    </rPh>
    <rPh sb="3" eb="5">
      <t>カツロウ</t>
    </rPh>
    <phoneticPr fontId="2"/>
  </si>
  <si>
    <t>金沢大学</t>
    <rPh sb="0" eb="2">
      <t>カナザワ</t>
    </rPh>
    <rPh sb="2" eb="4">
      <t>ダイガク</t>
    </rPh>
    <phoneticPr fontId="2"/>
  </si>
  <si>
    <t>2007.4.26-27</t>
    <phoneticPr fontId="2"/>
  </si>
  <si>
    <t>平成19</t>
    <rPh sb="0" eb="2">
      <t>ヘイセイ</t>
    </rPh>
    <phoneticPr fontId="2"/>
  </si>
  <si>
    <t>石川県立音楽堂、金沢全日空ホテル、ホテル日航金沢（石川）</t>
    <rPh sb="0" eb="3">
      <t>イシカワケン</t>
    </rPh>
    <rPh sb="3" eb="4">
      <t>リツ</t>
    </rPh>
    <rPh sb="4" eb="7">
      <t>オンガクドウ</t>
    </rPh>
    <rPh sb="8" eb="10">
      <t>カナザワ</t>
    </rPh>
    <rPh sb="10" eb="13">
      <t>ゼンニックウ</t>
    </rPh>
    <rPh sb="20" eb="22">
      <t>ニッコウ</t>
    </rPh>
    <rPh sb="22" eb="24">
      <t>カナザワ</t>
    </rPh>
    <rPh sb="25" eb="27">
      <t>イシカワ</t>
    </rPh>
    <phoneticPr fontId="2"/>
  </si>
  <si>
    <t>Seek the Next Standard!</t>
    <phoneticPr fontId="2"/>
  </si>
  <si>
    <t>杏林大学医学部</t>
  </si>
  <si>
    <t>第37回日本脊椎脊髄病学会</t>
    <rPh sb="0" eb="1">
      <t>ダイ</t>
    </rPh>
    <rPh sb="3" eb="4">
      <t>カイ</t>
    </rPh>
    <rPh sb="4" eb="6">
      <t>ニホン</t>
    </rPh>
    <rPh sb="6" eb="8">
      <t>セキツイ</t>
    </rPh>
    <rPh sb="8" eb="10">
      <t>セキズイ</t>
    </rPh>
    <rPh sb="10" eb="11">
      <t>ビョウ</t>
    </rPh>
    <rPh sb="11" eb="13">
      <t>ガッカイ</t>
    </rPh>
    <phoneticPr fontId="2"/>
  </si>
  <si>
    <t>里見　和彦</t>
    <rPh sb="0" eb="2">
      <t>サトミ</t>
    </rPh>
    <rPh sb="3" eb="5">
      <t>カズヒコ</t>
    </rPh>
    <phoneticPr fontId="2"/>
  </si>
  <si>
    <t>杏林大学</t>
    <rPh sb="0" eb="2">
      <t>キョウリン</t>
    </rPh>
    <rPh sb="2" eb="4">
      <t>ダイガク</t>
    </rPh>
    <phoneticPr fontId="2"/>
  </si>
  <si>
    <t>2008.4.24-26</t>
    <phoneticPr fontId="2"/>
  </si>
  <si>
    <t>平成20</t>
    <rPh sb="0" eb="2">
      <t>ヘイセイ</t>
    </rPh>
    <phoneticPr fontId="2"/>
  </si>
  <si>
    <t>Spine Surgery based on Neurology</t>
    <phoneticPr fontId="2"/>
  </si>
  <si>
    <t>第38回日本脊椎脊髄病学会</t>
    <rPh sb="0" eb="1">
      <t>ダイ</t>
    </rPh>
    <rPh sb="3" eb="4">
      <t>カイ</t>
    </rPh>
    <rPh sb="4" eb="6">
      <t>ニホン</t>
    </rPh>
    <rPh sb="6" eb="8">
      <t>セキツイ</t>
    </rPh>
    <rPh sb="8" eb="10">
      <t>セキズイ</t>
    </rPh>
    <rPh sb="10" eb="11">
      <t>ビョウ</t>
    </rPh>
    <rPh sb="11" eb="13">
      <t>ガッカイ</t>
    </rPh>
    <phoneticPr fontId="2"/>
  </si>
  <si>
    <t>米延　策雄</t>
    <rPh sb="0" eb="2">
      <t>ヨネノブ</t>
    </rPh>
    <rPh sb="3" eb="4">
      <t>サク</t>
    </rPh>
    <rPh sb="4" eb="5">
      <t>オ</t>
    </rPh>
    <phoneticPr fontId="2"/>
  </si>
  <si>
    <t>大阪南医療センター</t>
    <rPh sb="0" eb="3">
      <t>オオサカミナミ</t>
    </rPh>
    <rPh sb="3" eb="5">
      <t>イリョウ</t>
    </rPh>
    <phoneticPr fontId="2"/>
  </si>
  <si>
    <t>2009.4.23-25</t>
    <phoneticPr fontId="2"/>
  </si>
  <si>
    <t>平成21</t>
    <rPh sb="0" eb="2">
      <t>ヘイセイ</t>
    </rPh>
    <phoneticPr fontId="2"/>
  </si>
  <si>
    <t>神戸ポートピアホテル(神戸）</t>
    <rPh sb="0" eb="2">
      <t>コウベ</t>
    </rPh>
    <rPh sb="11" eb="13">
      <t>コウベ</t>
    </rPh>
    <phoneticPr fontId="2"/>
  </si>
  <si>
    <t>エビデンスに支えられて理念を貫く　－Validity in Spine Surgery－</t>
    <rPh sb="6" eb="7">
      <t>ササ</t>
    </rPh>
    <rPh sb="11" eb="13">
      <t>リネン</t>
    </rPh>
    <rPh sb="14" eb="15">
      <t>ツラヌ</t>
    </rPh>
    <phoneticPr fontId="2"/>
  </si>
  <si>
    <t>第39回日本脊椎脊髄病学会</t>
    <rPh sb="0" eb="1">
      <t>ダイ</t>
    </rPh>
    <rPh sb="3" eb="4">
      <t>カイ</t>
    </rPh>
    <rPh sb="4" eb="6">
      <t>ニホン</t>
    </rPh>
    <rPh sb="6" eb="8">
      <t>セキツイ</t>
    </rPh>
    <rPh sb="8" eb="10">
      <t>セキズイ</t>
    </rPh>
    <rPh sb="10" eb="11">
      <t>ビョウ</t>
    </rPh>
    <rPh sb="11" eb="13">
      <t>ガッカイ</t>
    </rPh>
    <phoneticPr fontId="2"/>
  </si>
  <si>
    <t>谷　俊一</t>
    <rPh sb="0" eb="1">
      <t>タニ</t>
    </rPh>
    <rPh sb="2" eb="4">
      <t>シュンイチ</t>
    </rPh>
    <phoneticPr fontId="2"/>
  </si>
  <si>
    <t>高知大学</t>
    <rPh sb="0" eb="2">
      <t>コウチ</t>
    </rPh>
    <rPh sb="2" eb="4">
      <t>ダイガク</t>
    </rPh>
    <phoneticPr fontId="2"/>
  </si>
  <si>
    <t>2010.4.22-24</t>
    <phoneticPr fontId="2"/>
  </si>
  <si>
    <t>平成22</t>
    <rPh sb="0" eb="2">
      <t>ヘイセイ</t>
    </rPh>
    <phoneticPr fontId="2"/>
  </si>
  <si>
    <t>高知県立県民文化ホール、高知新阪急ホテル、三翠園（高知）</t>
    <rPh sb="0" eb="4">
      <t>コウチケンリツ</t>
    </rPh>
    <rPh sb="4" eb="6">
      <t>ケンミン</t>
    </rPh>
    <rPh sb="6" eb="8">
      <t>ブンカ</t>
    </rPh>
    <rPh sb="12" eb="14">
      <t>コウチ</t>
    </rPh>
    <rPh sb="14" eb="15">
      <t>シン</t>
    </rPh>
    <rPh sb="15" eb="17">
      <t>ハンキュウ</t>
    </rPh>
    <rPh sb="21" eb="22">
      <t>サン</t>
    </rPh>
    <rPh sb="22" eb="23">
      <t>ミドリ</t>
    </rPh>
    <rPh sb="23" eb="24">
      <t>エン</t>
    </rPh>
    <rPh sb="25" eb="27">
      <t>コウチ</t>
    </rPh>
    <phoneticPr fontId="2"/>
  </si>
  <si>
    <t>高齢者脊椎脊髄疾患への挑戦　－Challenges of Aging Spine Disorders－</t>
    <rPh sb="0" eb="3">
      <t>コウレイシャ</t>
    </rPh>
    <rPh sb="3" eb="5">
      <t>セキツイ</t>
    </rPh>
    <rPh sb="5" eb="7">
      <t>セキズイ</t>
    </rPh>
    <rPh sb="7" eb="9">
      <t>シッカン</t>
    </rPh>
    <rPh sb="11" eb="13">
      <t>チョウセン</t>
    </rPh>
    <phoneticPr fontId="2"/>
  </si>
  <si>
    <t>獨協医科大学医学部医学科</t>
    <rPh sb="6" eb="9">
      <t>イガクブ</t>
    </rPh>
    <rPh sb="9" eb="11">
      <t>イガク</t>
    </rPh>
    <rPh sb="11" eb="12">
      <t>カ</t>
    </rPh>
    <phoneticPr fontId="4"/>
  </si>
  <si>
    <t>第40回日本脊椎脊髄病学会</t>
    <rPh sb="0" eb="1">
      <t>ダイ</t>
    </rPh>
    <rPh sb="3" eb="4">
      <t>カイ</t>
    </rPh>
    <rPh sb="4" eb="6">
      <t>ニホン</t>
    </rPh>
    <rPh sb="6" eb="8">
      <t>セキツイ</t>
    </rPh>
    <rPh sb="8" eb="10">
      <t>セキズイ</t>
    </rPh>
    <rPh sb="10" eb="11">
      <t>ビョウ</t>
    </rPh>
    <rPh sb="11" eb="13">
      <t>ガッカイ</t>
    </rPh>
    <phoneticPr fontId="2"/>
  </si>
  <si>
    <t>野原　裕</t>
    <rPh sb="0" eb="2">
      <t>ノハラ</t>
    </rPh>
    <rPh sb="3" eb="4">
      <t>ユウ</t>
    </rPh>
    <phoneticPr fontId="2"/>
  </si>
  <si>
    <t>獨協医科大学</t>
    <rPh sb="0" eb="2">
      <t>ドッキョウ</t>
    </rPh>
    <rPh sb="2" eb="4">
      <t>イカ</t>
    </rPh>
    <rPh sb="4" eb="6">
      <t>ダイガク</t>
    </rPh>
    <phoneticPr fontId="2"/>
  </si>
  <si>
    <t>2011.4.21-5.9</t>
    <phoneticPr fontId="2"/>
  </si>
  <si>
    <t>平成23</t>
    <rPh sb="0" eb="2">
      <t>ヘイセイ</t>
    </rPh>
    <phoneticPr fontId="2"/>
  </si>
  <si>
    <t>(京王プラザホテル）Web開催</t>
    <rPh sb="1" eb="3">
      <t>ケイオウ</t>
    </rPh>
    <rPh sb="13" eb="15">
      <t>カイサイ</t>
    </rPh>
    <phoneticPr fontId="2"/>
  </si>
  <si>
    <t>美しく老いる　－Aging with Beautiful Spine－</t>
    <rPh sb="0" eb="1">
      <t>ウツク</t>
    </rPh>
    <rPh sb="3" eb="4">
      <t>オ</t>
    </rPh>
    <phoneticPr fontId="2"/>
  </si>
  <si>
    <t>久留米大学医学部</t>
  </si>
  <si>
    <t>第41回日本脊椎脊髄病学会</t>
    <rPh sb="0" eb="1">
      <t>ダイ</t>
    </rPh>
    <rPh sb="3" eb="4">
      <t>カイ</t>
    </rPh>
    <rPh sb="4" eb="6">
      <t>ニホン</t>
    </rPh>
    <rPh sb="6" eb="8">
      <t>セキツイ</t>
    </rPh>
    <rPh sb="8" eb="10">
      <t>セキズイ</t>
    </rPh>
    <rPh sb="10" eb="11">
      <t>ビョウ</t>
    </rPh>
    <rPh sb="11" eb="13">
      <t>ガッカイ</t>
    </rPh>
    <phoneticPr fontId="2"/>
  </si>
  <si>
    <t>永田　見生</t>
    <rPh sb="0" eb="2">
      <t>ナガタ</t>
    </rPh>
    <rPh sb="3" eb="4">
      <t>ミ</t>
    </rPh>
    <rPh sb="4" eb="5">
      <t>ウ</t>
    </rPh>
    <phoneticPr fontId="2"/>
  </si>
  <si>
    <t>久留米大学</t>
    <rPh sb="0" eb="3">
      <t>クルメ</t>
    </rPh>
    <rPh sb="3" eb="5">
      <t>ダイガク</t>
    </rPh>
    <phoneticPr fontId="2"/>
  </si>
  <si>
    <t>2012.4.19-21</t>
    <phoneticPr fontId="2"/>
  </si>
  <si>
    <t>平成24</t>
    <rPh sb="0" eb="2">
      <t>ヘイセイ</t>
    </rPh>
    <phoneticPr fontId="2"/>
  </si>
  <si>
    <t>石橋文化センター、久留米市勤労青少年ホーム、サンハピネス(福岡）</t>
    <rPh sb="0" eb="2">
      <t>イシバシ</t>
    </rPh>
    <rPh sb="2" eb="4">
      <t>ブンカ</t>
    </rPh>
    <rPh sb="9" eb="12">
      <t>クルメ</t>
    </rPh>
    <rPh sb="12" eb="13">
      <t>シ</t>
    </rPh>
    <rPh sb="13" eb="15">
      <t>キンロウ</t>
    </rPh>
    <rPh sb="15" eb="18">
      <t>セイショウネン</t>
    </rPh>
    <rPh sb="29" eb="31">
      <t>フクオカ</t>
    </rPh>
    <phoneticPr fontId="2"/>
  </si>
  <si>
    <t>「体を支え、心と社会を支える」ほとめきの学会</t>
    <rPh sb="1" eb="2">
      <t>カラダ</t>
    </rPh>
    <rPh sb="3" eb="4">
      <t>ササ</t>
    </rPh>
    <rPh sb="6" eb="7">
      <t>ココロ</t>
    </rPh>
    <rPh sb="8" eb="10">
      <t>シャカイ</t>
    </rPh>
    <rPh sb="11" eb="12">
      <t>ササ</t>
    </rPh>
    <rPh sb="20" eb="22">
      <t>ガッカイ</t>
    </rPh>
    <phoneticPr fontId="2"/>
  </si>
  <si>
    <t>第42回日本脊椎脊髄病学会</t>
    <rPh sb="0" eb="1">
      <t>ダイ</t>
    </rPh>
    <rPh sb="3" eb="4">
      <t>カイ</t>
    </rPh>
    <rPh sb="4" eb="6">
      <t>ニホン</t>
    </rPh>
    <rPh sb="6" eb="8">
      <t>セキツイ</t>
    </rPh>
    <rPh sb="8" eb="10">
      <t>セキズイ</t>
    </rPh>
    <rPh sb="10" eb="11">
      <t>ビョウ</t>
    </rPh>
    <rPh sb="11" eb="13">
      <t>ガッカイ</t>
    </rPh>
    <phoneticPr fontId="2"/>
  </si>
  <si>
    <t>戸山　芳昭</t>
    <rPh sb="0" eb="2">
      <t>トヤマ</t>
    </rPh>
    <rPh sb="3" eb="4">
      <t>ヨシ</t>
    </rPh>
    <rPh sb="4" eb="5">
      <t>アキ</t>
    </rPh>
    <phoneticPr fontId="2"/>
  </si>
  <si>
    <t>2013.4.25-27</t>
    <phoneticPr fontId="2"/>
  </si>
  <si>
    <t>平成25</t>
    <rPh sb="0" eb="2">
      <t>ヘイセイ</t>
    </rPh>
    <phoneticPr fontId="2"/>
  </si>
  <si>
    <t>沖縄コンベンションセンター、宜野湾市立体育館（沖縄）</t>
    <rPh sb="0" eb="2">
      <t>オキナワ</t>
    </rPh>
    <rPh sb="14" eb="17">
      <t>ギノワン</t>
    </rPh>
    <rPh sb="17" eb="18">
      <t>シ</t>
    </rPh>
    <rPh sb="18" eb="19">
      <t>リツ</t>
    </rPh>
    <rPh sb="19" eb="22">
      <t>タイイクカン</t>
    </rPh>
    <rPh sb="23" eb="25">
      <t>オキナワ</t>
    </rPh>
    <phoneticPr fontId="2"/>
  </si>
  <si>
    <t>痛みと麻痺の克服に向けて　－今、求められる実学－</t>
    <rPh sb="0" eb="1">
      <t>イタ</t>
    </rPh>
    <rPh sb="3" eb="5">
      <t>マヒ</t>
    </rPh>
    <rPh sb="6" eb="8">
      <t>コクフク</t>
    </rPh>
    <rPh sb="9" eb="10">
      <t>ム</t>
    </rPh>
    <rPh sb="14" eb="15">
      <t>イマ</t>
    </rPh>
    <rPh sb="16" eb="17">
      <t>モト</t>
    </rPh>
    <rPh sb="21" eb="23">
      <t>ジツガク</t>
    </rPh>
    <phoneticPr fontId="2"/>
  </si>
  <si>
    <t>和歌山県立医科大学</t>
  </si>
  <si>
    <t>第43回日本脊椎脊髄病学会</t>
    <rPh sb="0" eb="1">
      <t>ダイ</t>
    </rPh>
    <rPh sb="3" eb="4">
      <t>カイ</t>
    </rPh>
    <rPh sb="4" eb="6">
      <t>ニホン</t>
    </rPh>
    <rPh sb="6" eb="8">
      <t>セキツイ</t>
    </rPh>
    <rPh sb="8" eb="10">
      <t>セキズイ</t>
    </rPh>
    <rPh sb="10" eb="11">
      <t>ビョウ</t>
    </rPh>
    <rPh sb="11" eb="13">
      <t>ガッカイ</t>
    </rPh>
    <phoneticPr fontId="2"/>
  </si>
  <si>
    <t>吉田　宗人</t>
    <rPh sb="0" eb="2">
      <t>ヨシダ</t>
    </rPh>
    <rPh sb="3" eb="5">
      <t>ムネヒト</t>
    </rPh>
    <phoneticPr fontId="2"/>
  </si>
  <si>
    <t>和歌山県立医科大学</t>
    <rPh sb="0" eb="3">
      <t>ワカヤマ</t>
    </rPh>
    <rPh sb="3" eb="5">
      <t>ケンリツ</t>
    </rPh>
    <rPh sb="5" eb="7">
      <t>イカ</t>
    </rPh>
    <rPh sb="7" eb="9">
      <t>ダイガク</t>
    </rPh>
    <phoneticPr fontId="2"/>
  </si>
  <si>
    <t>2014.4.17-19</t>
    <phoneticPr fontId="2"/>
  </si>
  <si>
    <t>平成26</t>
    <rPh sb="0" eb="2">
      <t>ヘイセイ</t>
    </rPh>
    <phoneticPr fontId="2"/>
  </si>
  <si>
    <t>国立京都国際会館（京都）</t>
    <rPh sb="0" eb="2">
      <t>コクリツ</t>
    </rPh>
    <rPh sb="2" eb="4">
      <t>キョウト</t>
    </rPh>
    <rPh sb="4" eb="6">
      <t>コクサイ</t>
    </rPh>
    <rPh sb="6" eb="8">
      <t>カイカン</t>
    </rPh>
    <rPh sb="9" eb="11">
      <t>キョウト</t>
    </rPh>
    <phoneticPr fontId="2"/>
  </si>
  <si>
    <t>活物窮理</t>
    <rPh sb="0" eb="1">
      <t>カツ</t>
    </rPh>
    <rPh sb="1" eb="2">
      <t>モノ</t>
    </rPh>
    <rPh sb="2" eb="3">
      <t>キュウ</t>
    </rPh>
    <rPh sb="3" eb="4">
      <t>リ</t>
    </rPh>
    <phoneticPr fontId="2"/>
  </si>
  <si>
    <t>第44回日本脊椎脊髄病学会</t>
    <rPh sb="0" eb="1">
      <t>ダイ</t>
    </rPh>
    <rPh sb="3" eb="4">
      <t>カイ</t>
    </rPh>
    <rPh sb="4" eb="6">
      <t>ニホン</t>
    </rPh>
    <rPh sb="6" eb="8">
      <t>セキツイ</t>
    </rPh>
    <rPh sb="8" eb="10">
      <t>セキズイ</t>
    </rPh>
    <rPh sb="10" eb="11">
      <t>ビョウ</t>
    </rPh>
    <rPh sb="11" eb="13">
      <t>ガッカイ</t>
    </rPh>
    <phoneticPr fontId="2"/>
  </si>
  <si>
    <t>田口　敏彦</t>
    <rPh sb="0" eb="2">
      <t>タグチ</t>
    </rPh>
    <rPh sb="3" eb="5">
      <t>トシヒコ</t>
    </rPh>
    <phoneticPr fontId="2"/>
  </si>
  <si>
    <t>2015.4.16-18</t>
    <phoneticPr fontId="2"/>
  </si>
  <si>
    <t>平成27</t>
    <rPh sb="0" eb="2">
      <t>ヘイセイ</t>
    </rPh>
    <phoneticPr fontId="2"/>
  </si>
  <si>
    <t>福岡国際会議場（福岡）</t>
    <rPh sb="0" eb="2">
      <t>フクオカ</t>
    </rPh>
    <rPh sb="2" eb="4">
      <t>コクサイ</t>
    </rPh>
    <rPh sb="4" eb="7">
      <t>カイギジョウ</t>
    </rPh>
    <rPh sb="8" eb="10">
      <t>フクオカ</t>
    </rPh>
    <phoneticPr fontId="2"/>
  </si>
  <si>
    <t>脊椎脊髄疾患治療の承前啓後　～脊椎脊髄疾患治療の過去の業績を引き継いで、将来の局面を切り開く～</t>
    <rPh sb="0" eb="2">
      <t>セキツイ</t>
    </rPh>
    <rPh sb="2" eb="4">
      <t>セキズイ</t>
    </rPh>
    <rPh sb="4" eb="6">
      <t>シッカン</t>
    </rPh>
    <rPh sb="6" eb="8">
      <t>チリョウ</t>
    </rPh>
    <rPh sb="9" eb="11">
      <t>ショウゼン</t>
    </rPh>
    <rPh sb="11" eb="12">
      <t>ケイ</t>
    </rPh>
    <rPh sb="12" eb="13">
      <t>アト</t>
    </rPh>
    <rPh sb="15" eb="17">
      <t>セキツイ</t>
    </rPh>
    <rPh sb="17" eb="19">
      <t>セキズイ</t>
    </rPh>
    <rPh sb="19" eb="21">
      <t>シッカン</t>
    </rPh>
    <rPh sb="21" eb="23">
      <t>チリョウ</t>
    </rPh>
    <rPh sb="24" eb="26">
      <t>カコ</t>
    </rPh>
    <rPh sb="27" eb="29">
      <t>ギョウセキ</t>
    </rPh>
    <rPh sb="30" eb="31">
      <t>ヒ</t>
    </rPh>
    <rPh sb="32" eb="33">
      <t>ツ</t>
    </rPh>
    <rPh sb="36" eb="38">
      <t>ショウライ</t>
    </rPh>
    <rPh sb="39" eb="41">
      <t>キョクメン</t>
    </rPh>
    <rPh sb="42" eb="43">
      <t>キ</t>
    </rPh>
    <rPh sb="44" eb="45">
      <t>ヒラ</t>
    </rPh>
    <phoneticPr fontId="2"/>
  </si>
  <si>
    <t>日本大学医学部附属板橋病院</t>
    <rPh sb="0" eb="2">
      <t>ニホン</t>
    </rPh>
    <rPh sb="2" eb="4">
      <t>ダイガク</t>
    </rPh>
    <rPh sb="4" eb="6">
      <t>イガク</t>
    </rPh>
    <rPh sb="6" eb="7">
      <t>ブ</t>
    </rPh>
    <rPh sb="7" eb="9">
      <t>フゾク</t>
    </rPh>
    <rPh sb="9" eb="11">
      <t>イタバシ</t>
    </rPh>
    <rPh sb="11" eb="13">
      <t>ビョウイン</t>
    </rPh>
    <phoneticPr fontId="4"/>
  </si>
  <si>
    <t>第45回日本脊椎脊髄病学会</t>
    <rPh sb="0" eb="1">
      <t>ダイ</t>
    </rPh>
    <rPh sb="3" eb="4">
      <t>カイ</t>
    </rPh>
    <rPh sb="4" eb="6">
      <t>ニホン</t>
    </rPh>
    <rPh sb="6" eb="8">
      <t>セキツイ</t>
    </rPh>
    <rPh sb="8" eb="10">
      <t>セキズイ</t>
    </rPh>
    <rPh sb="10" eb="11">
      <t>ビョウ</t>
    </rPh>
    <rPh sb="11" eb="13">
      <t>ガッカイ</t>
    </rPh>
    <phoneticPr fontId="2"/>
  </si>
  <si>
    <t>德橋　泰明</t>
    <rPh sb="0" eb="1">
      <t>トク</t>
    </rPh>
    <rPh sb="1" eb="2">
      <t>ハシ</t>
    </rPh>
    <rPh sb="3" eb="4">
      <t>ヤス</t>
    </rPh>
    <rPh sb="4" eb="5">
      <t>ア</t>
    </rPh>
    <phoneticPr fontId="2"/>
  </si>
  <si>
    <t>日本大学</t>
    <rPh sb="0" eb="2">
      <t>ニホン</t>
    </rPh>
    <rPh sb="2" eb="4">
      <t>ダイガク</t>
    </rPh>
    <phoneticPr fontId="2"/>
  </si>
  <si>
    <t>2016.4.14-16</t>
    <phoneticPr fontId="2"/>
  </si>
  <si>
    <t>平成28</t>
    <rPh sb="0" eb="2">
      <t>ヘイセイ</t>
    </rPh>
    <phoneticPr fontId="2"/>
  </si>
  <si>
    <t>幕張メッセ国際会議場・国際展示場（千葉）</t>
    <rPh sb="0" eb="2">
      <t>マクハリ</t>
    </rPh>
    <rPh sb="5" eb="7">
      <t>コクサイ</t>
    </rPh>
    <rPh sb="7" eb="10">
      <t>カイギジョウ</t>
    </rPh>
    <rPh sb="11" eb="13">
      <t>コクサイ</t>
    </rPh>
    <rPh sb="13" eb="16">
      <t>テンジジョウ</t>
    </rPh>
    <rPh sb="17" eb="19">
      <t>チバ</t>
    </rPh>
    <phoneticPr fontId="2"/>
  </si>
  <si>
    <t>創造と検証</t>
    <phoneticPr fontId="2"/>
  </si>
  <si>
    <t>秋田大学大学院医学系研究科医学専攻機能展開医学系</t>
  </si>
  <si>
    <t>第46回日本脊椎脊髄病学会</t>
    <rPh sb="0" eb="1">
      <t>ダイ</t>
    </rPh>
    <rPh sb="3" eb="4">
      <t>カイ</t>
    </rPh>
    <rPh sb="4" eb="6">
      <t>ニホン</t>
    </rPh>
    <rPh sb="6" eb="8">
      <t>セキツイ</t>
    </rPh>
    <rPh sb="8" eb="10">
      <t>セキズイ</t>
    </rPh>
    <rPh sb="10" eb="11">
      <t>ビョウ</t>
    </rPh>
    <rPh sb="11" eb="13">
      <t>ガッカイ</t>
    </rPh>
    <phoneticPr fontId="2"/>
  </si>
  <si>
    <t>島田　洋一</t>
    <rPh sb="0" eb="2">
      <t>シマダ</t>
    </rPh>
    <rPh sb="3" eb="5">
      <t>ヨウイチ</t>
    </rPh>
    <phoneticPr fontId="2"/>
  </si>
  <si>
    <t>秋田大学</t>
    <rPh sb="0" eb="2">
      <t>アキタ</t>
    </rPh>
    <rPh sb="2" eb="4">
      <t>ダイガク</t>
    </rPh>
    <phoneticPr fontId="2"/>
  </si>
  <si>
    <t>2017.4.13-15</t>
    <phoneticPr fontId="2"/>
  </si>
  <si>
    <t>平成29</t>
    <rPh sb="0" eb="2">
      <t>ヘイセイ</t>
    </rPh>
    <phoneticPr fontId="2"/>
  </si>
  <si>
    <t>ロイトン札幌、さっぽろ芸文館（札幌）</t>
    <rPh sb="4" eb="6">
      <t>サッポロ</t>
    </rPh>
    <rPh sb="11" eb="12">
      <t>ゲイ</t>
    </rPh>
    <rPh sb="12" eb="13">
      <t>ブン</t>
    </rPh>
    <rPh sb="13" eb="14">
      <t>カン</t>
    </rPh>
    <rPh sb="15" eb="17">
      <t>サッポロ</t>
    </rPh>
    <phoneticPr fontId="2"/>
  </si>
  <si>
    <t>サイエンスに基づく脊椎脊髄外科の進歩</t>
    <phoneticPr fontId="2"/>
  </si>
  <si>
    <t>大阪市立大学大学院医学研究科感覚・運動機能医学大講座</t>
  </si>
  <si>
    <t>第47回日本脊椎脊髄病学会</t>
    <rPh sb="0" eb="1">
      <t>ダイ</t>
    </rPh>
    <rPh sb="3" eb="4">
      <t>カイ</t>
    </rPh>
    <rPh sb="4" eb="6">
      <t>ニホン</t>
    </rPh>
    <rPh sb="6" eb="8">
      <t>セキツイ</t>
    </rPh>
    <rPh sb="8" eb="10">
      <t>セキズイ</t>
    </rPh>
    <rPh sb="10" eb="11">
      <t>ビョウ</t>
    </rPh>
    <rPh sb="11" eb="13">
      <t>ガッカイ</t>
    </rPh>
    <phoneticPr fontId="2"/>
  </si>
  <si>
    <t>中村　博亮</t>
    <rPh sb="0" eb="2">
      <t>ナカムラ</t>
    </rPh>
    <rPh sb="3" eb="4">
      <t>ヒロ</t>
    </rPh>
    <rPh sb="4" eb="5">
      <t>リョウ</t>
    </rPh>
    <phoneticPr fontId="2"/>
  </si>
  <si>
    <t>大阪市立大学</t>
    <rPh sb="0" eb="2">
      <t>オオサカ</t>
    </rPh>
    <rPh sb="2" eb="4">
      <t>イチリツ</t>
    </rPh>
    <rPh sb="4" eb="6">
      <t>ダイガク</t>
    </rPh>
    <phoneticPr fontId="2"/>
  </si>
  <si>
    <t>2018.4.12-14</t>
    <phoneticPr fontId="2"/>
  </si>
  <si>
    <t>平成30</t>
    <rPh sb="0" eb="2">
      <t>ヘイセイ</t>
    </rPh>
    <phoneticPr fontId="2"/>
  </si>
  <si>
    <t>神戸ポートピアホテル、神戸国際会議場、神戸国際展示場（神戸）</t>
    <rPh sb="0" eb="2">
      <t>コウベ</t>
    </rPh>
    <rPh sb="11" eb="13">
      <t>コウベ</t>
    </rPh>
    <rPh sb="13" eb="15">
      <t>コクサイ</t>
    </rPh>
    <rPh sb="15" eb="18">
      <t>カイギジョウ</t>
    </rPh>
    <rPh sb="19" eb="21">
      <t>コウベ</t>
    </rPh>
    <rPh sb="21" eb="23">
      <t>コクサイ</t>
    </rPh>
    <rPh sb="23" eb="26">
      <t>テンジジョウ</t>
    </rPh>
    <rPh sb="27" eb="29">
      <t>コウベ</t>
    </rPh>
    <phoneticPr fontId="2"/>
  </si>
  <si>
    <t>一念通天　－延ばせ健康寿命－　　　　　　　　　　　　　　　　　　　　　　</t>
    <rPh sb="0" eb="2">
      <t>イチネン</t>
    </rPh>
    <rPh sb="2" eb="3">
      <t>ツウ</t>
    </rPh>
    <rPh sb="3" eb="4">
      <t>テン</t>
    </rPh>
    <rPh sb="6" eb="7">
      <t>ノ</t>
    </rPh>
    <rPh sb="9" eb="11">
      <t>ケンコウ</t>
    </rPh>
    <rPh sb="11" eb="13">
      <t>ジュミョウ</t>
    </rPh>
    <phoneticPr fontId="2"/>
  </si>
  <si>
    <t>山梨大学大学院総合研究部_x0000_</t>
  </si>
  <si>
    <t>第48回日本脊椎脊髄病学会</t>
    <rPh sb="0" eb="1">
      <t>ダイ</t>
    </rPh>
    <rPh sb="3" eb="4">
      <t>カイ</t>
    </rPh>
    <rPh sb="4" eb="6">
      <t>ニホン</t>
    </rPh>
    <rPh sb="6" eb="8">
      <t>セキツイ</t>
    </rPh>
    <rPh sb="8" eb="10">
      <t>セキズイ</t>
    </rPh>
    <rPh sb="10" eb="11">
      <t>ビョウ</t>
    </rPh>
    <rPh sb="11" eb="13">
      <t>ガッカイ</t>
    </rPh>
    <phoneticPr fontId="2"/>
  </si>
  <si>
    <t>波呂　浩孝</t>
    <rPh sb="0" eb="2">
      <t>ハロ</t>
    </rPh>
    <rPh sb="3" eb="4">
      <t>ヒロ</t>
    </rPh>
    <rPh sb="4" eb="5">
      <t>タカ</t>
    </rPh>
    <phoneticPr fontId="2"/>
  </si>
  <si>
    <t>山梨大学</t>
    <rPh sb="0" eb="2">
      <t>ヤマナシ</t>
    </rPh>
    <rPh sb="2" eb="4">
      <t>ダイガク</t>
    </rPh>
    <phoneticPr fontId="2"/>
  </si>
  <si>
    <t>2019.4.18-20</t>
    <phoneticPr fontId="2"/>
  </si>
  <si>
    <t>平成31</t>
    <rPh sb="0" eb="2">
      <t>ヘイセイ</t>
    </rPh>
    <phoneticPr fontId="2"/>
  </si>
  <si>
    <t>事上磨錬　</t>
    <rPh sb="0" eb="1">
      <t>コト</t>
    </rPh>
    <rPh sb="1" eb="2">
      <t>ウエ</t>
    </rPh>
    <rPh sb="2" eb="3">
      <t>マ</t>
    </rPh>
    <rPh sb="3" eb="4">
      <t>レン</t>
    </rPh>
    <phoneticPr fontId="2"/>
  </si>
  <si>
    <t>浜松医科大学</t>
    <rPh sb="0" eb="6">
      <t>ハママツイカダイガク</t>
    </rPh>
    <phoneticPr fontId="2"/>
  </si>
  <si>
    <t>整形外科学教室</t>
    <rPh sb="0" eb="5">
      <t>セイケイゲカガク</t>
    </rPh>
    <rPh sb="5" eb="7">
      <t>キョウシツ</t>
    </rPh>
    <phoneticPr fontId="2"/>
  </si>
  <si>
    <t>第49回日本脊椎脊髄病学会</t>
    <rPh sb="0" eb="1">
      <t>ダイ</t>
    </rPh>
    <rPh sb="3" eb="4">
      <t>カイ</t>
    </rPh>
    <rPh sb="4" eb="13">
      <t>ニホンセキツイセキズイビョウガッカイ</t>
    </rPh>
    <phoneticPr fontId="2"/>
  </si>
  <si>
    <t>松山　幸弘</t>
    <rPh sb="0" eb="2">
      <t>マツヤマ</t>
    </rPh>
    <rPh sb="3" eb="5">
      <t>ユキヒロ</t>
    </rPh>
    <phoneticPr fontId="2"/>
  </si>
  <si>
    <t>浜松医科大学</t>
    <rPh sb="0" eb="2">
      <t>ハママツ</t>
    </rPh>
    <rPh sb="2" eb="6">
      <t>イカダイガク</t>
    </rPh>
    <phoneticPr fontId="2"/>
  </si>
  <si>
    <t>2020.9.7-9</t>
    <phoneticPr fontId="2"/>
  </si>
  <si>
    <t>令和2</t>
    <rPh sb="0" eb="2">
      <t>レイワ</t>
    </rPh>
    <phoneticPr fontId="2"/>
  </si>
  <si>
    <t>神戸コンベンションセンター（神戸）　(現地開催+Weｂ配信併用のHybrid開催）</t>
    <rPh sb="0" eb="2">
      <t>コウベ</t>
    </rPh>
    <rPh sb="14" eb="16">
      <t>コウベ</t>
    </rPh>
    <rPh sb="38" eb="40">
      <t>カイサイ</t>
    </rPh>
    <phoneticPr fontId="2"/>
  </si>
  <si>
    <t xml:space="preserve">ALL JAPANからグローバリゼーションへ
</t>
    <phoneticPr fontId="2"/>
  </si>
  <si>
    <t>第50回日本脊椎脊髄病学会</t>
    <rPh sb="0" eb="1">
      <t>ダイ</t>
    </rPh>
    <rPh sb="3" eb="4">
      <t>カイ</t>
    </rPh>
    <rPh sb="4" eb="13">
      <t>ニホンセキツイセキズイビョウガッカイ</t>
    </rPh>
    <phoneticPr fontId="2"/>
  </si>
  <si>
    <t>根尾　昌志</t>
    <rPh sb="0" eb="2">
      <t>ネオ</t>
    </rPh>
    <rPh sb="3" eb="5">
      <t>マサシ</t>
    </rPh>
    <phoneticPr fontId="2"/>
  </si>
  <si>
    <t>2021.4.22-24</t>
    <phoneticPr fontId="2"/>
  </si>
  <si>
    <t>令和3</t>
    <rPh sb="0" eb="2">
      <t>レイワ</t>
    </rPh>
    <phoneticPr fontId="2"/>
  </si>
  <si>
    <t>レジェンドを知る　レジェンドを創る</t>
    <rPh sb="6" eb="7">
      <t>シ</t>
    </rPh>
    <rPh sb="15" eb="16">
      <t>ツ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1"/>
      <color theme="1"/>
      <name val="游ゴシック"/>
      <family val="2"/>
      <charset val="128"/>
      <scheme val="minor"/>
    </font>
    <font>
      <sz val="28"/>
      <color theme="1"/>
      <name val="游ゴシック"/>
      <family val="2"/>
      <charset val="128"/>
      <scheme val="minor"/>
    </font>
    <font>
      <sz val="6"/>
      <name val="游ゴシック"/>
      <family val="2"/>
      <charset val="128"/>
      <scheme val="minor"/>
    </font>
    <font>
      <sz val="28"/>
      <color theme="1"/>
      <name val="游ゴシック"/>
      <family val="3"/>
      <charset val="128"/>
      <scheme val="minor"/>
    </font>
    <font>
      <sz val="11"/>
      <color theme="1"/>
      <name val="ＭＳ Ｐゴシック"/>
      <family val="2"/>
      <charset val="128"/>
    </font>
    <font>
      <b/>
      <sz val="28"/>
      <color rgb="FF0070C0"/>
      <name val="游ゴシック"/>
      <family val="3"/>
      <charset val="128"/>
      <scheme val="minor"/>
    </font>
    <font>
      <sz val="30"/>
      <color theme="1"/>
      <name val="游ゴシック"/>
      <family val="3"/>
      <charset val="128"/>
      <scheme val="minor"/>
    </font>
    <font>
      <sz val="30"/>
      <name val="游ゴシック"/>
      <family val="3"/>
      <charset val="128"/>
      <scheme val="minor"/>
    </font>
    <font>
      <sz val="30"/>
      <color theme="1"/>
      <name val="游ゴシック"/>
      <family val="2"/>
      <charset val="128"/>
      <scheme val="minor"/>
    </font>
    <font>
      <sz val="10"/>
      <color theme="1"/>
      <name val="游ゴシック"/>
      <family val="3"/>
      <charset val="128"/>
      <scheme val="minor"/>
    </font>
  </fonts>
  <fills count="3">
    <fill>
      <patternFill patternType="none"/>
    </fill>
    <fill>
      <patternFill patternType="gray125"/>
    </fill>
    <fill>
      <patternFill patternType="solid">
        <fgColor theme="9" tint="0.59999389629810485"/>
        <bgColor indexed="64"/>
      </patternFill>
    </fill>
  </fills>
  <borders count="14">
    <border>
      <left/>
      <right/>
      <top/>
      <bottom/>
      <diagonal/>
    </border>
    <border>
      <left style="medium">
        <color auto="1"/>
      </left>
      <right style="hair">
        <color auto="1"/>
      </right>
      <top style="medium">
        <color auto="1"/>
      </top>
      <bottom style="thin">
        <color auto="1"/>
      </bottom>
      <diagonal/>
    </border>
    <border>
      <left style="hair">
        <color auto="1"/>
      </left>
      <right style="hair">
        <color auto="1"/>
      </right>
      <top style="medium">
        <color auto="1"/>
      </top>
      <bottom style="thin">
        <color auto="1"/>
      </bottom>
      <diagonal/>
    </border>
    <border>
      <left style="medium">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hair">
        <color auto="1"/>
      </left>
      <right style="hair">
        <color auto="1"/>
      </right>
      <top/>
      <bottom style="hair">
        <color auto="1"/>
      </bottom>
      <diagonal/>
    </border>
    <border>
      <left style="medium">
        <color auto="1"/>
      </left>
      <right style="hair">
        <color auto="1"/>
      </right>
      <top/>
      <bottom style="hair">
        <color auto="1"/>
      </bottom>
      <diagonal/>
    </border>
    <border>
      <left/>
      <right style="hair">
        <color indexed="64"/>
      </right>
      <top style="hair">
        <color auto="1"/>
      </top>
      <bottom style="hair">
        <color auto="1"/>
      </bottom>
      <diagonal/>
    </border>
    <border>
      <left style="medium">
        <color auto="1"/>
      </left>
      <right style="hair">
        <color auto="1"/>
      </right>
      <top style="hair">
        <color auto="1"/>
      </top>
      <bottom style="medium">
        <color auto="1"/>
      </bottom>
      <diagonal/>
    </border>
    <border>
      <left style="hair">
        <color auto="1"/>
      </left>
      <right style="hair">
        <color auto="1"/>
      </right>
      <top style="hair">
        <color auto="1"/>
      </top>
      <bottom style="medium">
        <color auto="1"/>
      </bottom>
      <diagonal/>
    </border>
    <border>
      <left/>
      <right style="hair">
        <color indexed="64"/>
      </right>
      <top style="medium">
        <color auto="1"/>
      </top>
      <bottom style="hair">
        <color indexed="64"/>
      </bottom>
      <diagonal/>
    </border>
    <border>
      <left style="hair">
        <color indexed="64"/>
      </left>
      <right/>
      <top style="medium">
        <color auto="1"/>
      </top>
      <bottom style="hair">
        <color indexed="64"/>
      </bottom>
      <diagonal/>
    </border>
    <border>
      <left/>
      <right/>
      <top style="hair">
        <color indexed="64"/>
      </top>
      <bottom/>
      <diagonal/>
    </border>
    <border>
      <left style="hair">
        <color indexed="64"/>
      </left>
      <right/>
      <top style="hair">
        <color indexed="64"/>
      </top>
      <bottom/>
      <diagonal/>
    </border>
  </borders>
  <cellStyleXfs count="1">
    <xf numFmtId="0" fontId="0" fillId="0" borderId="0">
      <alignment vertical="center"/>
    </xf>
  </cellStyleXfs>
  <cellXfs count="30">
    <xf numFmtId="0" fontId="0" fillId="0" borderId="0" xfId="0">
      <alignment vertical="center"/>
    </xf>
    <xf numFmtId="0" fontId="1" fillId="2" borderId="1" xfId="0" applyFont="1" applyFill="1" applyBorder="1" applyAlignment="1">
      <alignment horizontal="center" vertical="center"/>
    </xf>
    <xf numFmtId="0" fontId="3" fillId="2" borderId="2" xfId="0" applyFont="1" applyFill="1" applyBorder="1" applyAlignment="1">
      <alignment horizontal="center" vertical="center" wrapText="1"/>
    </xf>
    <xf numFmtId="0" fontId="5" fillId="2" borderId="2" xfId="0" applyFont="1" applyFill="1" applyBorder="1" applyAlignment="1">
      <alignment horizontal="center" vertical="center"/>
    </xf>
    <xf numFmtId="0" fontId="0" fillId="0" borderId="0" xfId="0" applyFill="1" applyBorder="1">
      <alignment vertical="center"/>
    </xf>
    <xf numFmtId="0" fontId="6" fillId="0" borderId="4" xfId="0" applyFont="1" applyFill="1" applyBorder="1" applyAlignment="1">
      <alignment vertical="center" wrapText="1"/>
    </xf>
    <xf numFmtId="0" fontId="6" fillId="0" borderId="5" xfId="0" applyFont="1" applyFill="1" applyBorder="1" applyAlignment="1">
      <alignment vertical="center" wrapText="1"/>
    </xf>
    <xf numFmtId="0" fontId="6" fillId="0" borderId="6" xfId="0" applyFont="1" applyFill="1" applyBorder="1" applyAlignment="1">
      <alignment horizontal="center" vertical="center" wrapText="1"/>
    </xf>
    <xf numFmtId="0" fontId="6" fillId="0" borderId="5" xfId="0" applyFont="1" applyFill="1" applyBorder="1" applyAlignment="1">
      <alignment horizontal="left" vertical="center" wrapText="1"/>
    </xf>
    <xf numFmtId="0" fontId="6" fillId="0" borderId="7" xfId="0" applyFont="1" applyFill="1" applyBorder="1" applyAlignment="1">
      <alignment horizontal="center" vertical="center" wrapText="1"/>
    </xf>
    <xf numFmtId="0" fontId="6" fillId="0" borderId="7"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7" xfId="0" applyFont="1" applyFill="1" applyBorder="1" applyAlignment="1">
      <alignment vertical="center" wrapText="1"/>
    </xf>
    <xf numFmtId="0" fontId="6" fillId="0" borderId="0" xfId="0" applyFont="1" applyFill="1" applyBorder="1">
      <alignment vertical="center"/>
    </xf>
    <xf numFmtId="0" fontId="7" fillId="0" borderId="4" xfId="0" applyFont="1" applyFill="1" applyBorder="1" applyAlignment="1">
      <alignment vertical="center" wrapText="1"/>
    </xf>
    <xf numFmtId="0" fontId="6" fillId="0" borderId="3" xfId="0" applyFont="1" applyFill="1" applyBorder="1" applyAlignment="1">
      <alignment horizontal="center" vertical="center" wrapText="1"/>
    </xf>
    <xf numFmtId="0" fontId="6" fillId="0" borderId="4" xfId="0" applyFont="1" applyFill="1" applyBorder="1" applyAlignment="1">
      <alignment horizontal="left" vertical="center" wrapText="1"/>
    </xf>
    <xf numFmtId="0" fontId="6" fillId="0" borderId="0" xfId="0" applyFont="1" applyFill="1" applyBorder="1" applyAlignment="1">
      <alignment vertical="center" wrapText="1"/>
    </xf>
    <xf numFmtId="0" fontId="6" fillId="0" borderId="8" xfId="0" applyFont="1" applyFill="1" applyBorder="1" applyAlignment="1">
      <alignment horizontal="center" vertical="center" wrapText="1"/>
    </xf>
    <xf numFmtId="0" fontId="6" fillId="0" borderId="9" xfId="0" applyFont="1" applyFill="1" applyBorder="1" applyAlignment="1">
      <alignment horizontal="left" vertical="center" wrapText="1"/>
    </xf>
    <xf numFmtId="0" fontId="6" fillId="0" borderId="9" xfId="0" applyFont="1" applyFill="1" applyBorder="1" applyAlignment="1">
      <alignment vertical="center" wrapText="1"/>
    </xf>
    <xf numFmtId="0" fontId="8" fillId="0" borderId="10" xfId="0" applyFont="1" applyFill="1" applyBorder="1" applyAlignment="1">
      <alignment horizontal="center" vertical="center"/>
    </xf>
    <xf numFmtId="0" fontId="8" fillId="0" borderId="0" xfId="0" applyFont="1" applyFill="1" applyBorder="1" applyAlignment="1">
      <alignment horizontal="left" vertical="center" wrapText="1"/>
    </xf>
    <xf numFmtId="0" fontId="8" fillId="0" borderId="11" xfId="0" applyFont="1" applyFill="1" applyBorder="1" applyAlignment="1">
      <alignment horizontal="left" vertical="center" wrapText="1"/>
    </xf>
    <xf numFmtId="0" fontId="8" fillId="0" borderId="0" xfId="0" applyFont="1" applyFill="1" applyBorder="1">
      <alignment vertical="center"/>
    </xf>
    <xf numFmtId="0" fontId="8" fillId="0" borderId="12" xfId="0" applyFont="1" applyFill="1" applyBorder="1" applyAlignment="1">
      <alignment horizontal="center" vertical="center"/>
    </xf>
    <xf numFmtId="0" fontId="8" fillId="0" borderId="4" xfId="0" applyFont="1" applyFill="1" applyBorder="1" applyAlignment="1">
      <alignment horizontal="left" vertical="center" wrapText="1"/>
    </xf>
    <xf numFmtId="0" fontId="8" fillId="0" borderId="13" xfId="0" applyFont="1" applyFill="1" applyBorder="1" applyAlignment="1">
      <alignment horizontal="left" vertical="center" wrapText="1"/>
    </xf>
    <xf numFmtId="0" fontId="0" fillId="0" borderId="0" xfId="0" applyFill="1" applyBorder="1" applyAlignment="1">
      <alignment horizontal="center" vertical="center"/>
    </xf>
    <xf numFmtId="0" fontId="9" fillId="0" borderId="0"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F0"/>
    <pageSetUpPr fitToPage="1"/>
  </sheetPr>
  <dimension ref="A1:T52"/>
  <sheetViews>
    <sheetView tabSelected="1" view="pageBreakPreview" zoomScale="50" zoomScaleNormal="50" zoomScaleSheetLayoutView="50" workbookViewId="0">
      <pane xSplit="1" topLeftCell="B1" activePane="topRight" state="frozen"/>
      <selection pane="topRight" activeCell="C9" sqref="C9"/>
    </sheetView>
  </sheetViews>
  <sheetFormatPr defaultColWidth="9" defaultRowHeight="29.25" customHeight="1" x14ac:dyDescent="0.45"/>
  <cols>
    <col min="1" max="1" width="8.09765625" style="28" bestFit="1" customWidth="1"/>
    <col min="2" max="2" width="69.09765625" style="29" customWidth="1"/>
    <col min="3" max="3" width="47.3984375" style="29" customWidth="1"/>
    <col min="4" max="4" width="74.19921875" style="4" customWidth="1"/>
    <col min="5" max="5" width="38.19921875" style="4" bestFit="1" customWidth="1"/>
    <col min="6" max="6" width="52.3984375" style="4" bestFit="1" customWidth="1"/>
    <col min="7" max="7" width="33.19921875" style="4" bestFit="1" customWidth="1"/>
    <col min="8" max="8" width="15.3984375" style="4" bestFit="1" customWidth="1"/>
    <col min="9" max="9" width="47.5" style="4" customWidth="1"/>
    <col min="10" max="10" width="53.59765625" style="4" customWidth="1"/>
    <col min="11" max="19" width="9" style="4"/>
    <col min="20" max="20" width="0" style="4" hidden="1" customWidth="1"/>
    <col min="21" max="16384" width="9" style="4"/>
  </cols>
  <sheetData>
    <row r="1" spans="1:20" ht="45.6" x14ac:dyDescent="0.45">
      <c r="A1" s="1" t="s">
        <v>0</v>
      </c>
      <c r="B1" s="2" t="s">
        <v>1</v>
      </c>
      <c r="C1" s="2" t="s">
        <v>2</v>
      </c>
      <c r="D1" s="3" t="s">
        <v>3</v>
      </c>
      <c r="E1" s="3" t="s">
        <v>4</v>
      </c>
      <c r="F1" s="3" t="s">
        <v>5</v>
      </c>
      <c r="G1" s="3" t="s">
        <v>6</v>
      </c>
      <c r="H1" s="3" t="s">
        <v>7</v>
      </c>
      <c r="I1" s="3" t="s">
        <v>8</v>
      </c>
      <c r="J1" s="3" t="s">
        <v>9</v>
      </c>
    </row>
    <row r="2" spans="1:20" ht="147" customHeight="1" x14ac:dyDescent="0.45">
      <c r="A2" s="15">
        <v>1</v>
      </c>
      <c r="B2" s="5" t="s">
        <v>10</v>
      </c>
      <c r="C2" s="6" t="s">
        <v>11</v>
      </c>
      <c r="D2" s="5" t="s">
        <v>12</v>
      </c>
      <c r="E2" s="5" t="s">
        <v>13</v>
      </c>
      <c r="F2" s="5" t="s">
        <v>14</v>
      </c>
      <c r="G2" s="5" t="s">
        <v>15</v>
      </c>
      <c r="H2" s="5" t="s">
        <v>16</v>
      </c>
      <c r="I2" s="5" t="s">
        <v>17</v>
      </c>
      <c r="J2" s="5" t="s">
        <v>18</v>
      </c>
    </row>
    <row r="3" spans="1:20" ht="142.5" customHeight="1" x14ac:dyDescent="0.45">
      <c r="A3" s="7">
        <v>2</v>
      </c>
      <c r="B3" s="8" t="s">
        <v>19</v>
      </c>
      <c r="C3" s="8" t="s">
        <v>20</v>
      </c>
      <c r="D3" s="6" t="s">
        <v>21</v>
      </c>
      <c r="E3" s="6" t="s">
        <v>22</v>
      </c>
      <c r="F3" s="6" t="s">
        <v>23</v>
      </c>
      <c r="G3" s="6" t="s">
        <v>24</v>
      </c>
      <c r="H3" s="6" t="s">
        <v>25</v>
      </c>
      <c r="I3" s="6" t="s">
        <v>26</v>
      </c>
      <c r="J3" s="6" t="s">
        <v>27</v>
      </c>
      <c r="T3" s="4" t="s">
        <v>28</v>
      </c>
    </row>
    <row r="4" spans="1:20" ht="84" customHeight="1" x14ac:dyDescent="0.45">
      <c r="A4" s="15">
        <v>3</v>
      </c>
      <c r="B4" s="5" t="s">
        <v>29</v>
      </c>
      <c r="C4" s="5" t="s">
        <v>30</v>
      </c>
      <c r="D4" s="5" t="s">
        <v>31</v>
      </c>
      <c r="E4" s="5" t="s">
        <v>32</v>
      </c>
      <c r="F4" s="5" t="s">
        <v>33</v>
      </c>
      <c r="G4" s="5" t="s">
        <v>34</v>
      </c>
      <c r="H4" s="5" t="s">
        <v>35</v>
      </c>
      <c r="I4" s="5" t="s">
        <v>36</v>
      </c>
      <c r="J4" s="5" t="s">
        <v>37</v>
      </c>
    </row>
    <row r="5" spans="1:20" ht="81" customHeight="1" x14ac:dyDescent="0.45">
      <c r="A5" s="15">
        <v>4</v>
      </c>
      <c r="B5" s="5" t="s">
        <v>38</v>
      </c>
      <c r="C5" s="5" t="s">
        <v>39</v>
      </c>
      <c r="D5" s="5" t="s">
        <v>40</v>
      </c>
      <c r="E5" s="5" t="s">
        <v>41</v>
      </c>
      <c r="F5" s="5" t="s">
        <v>42</v>
      </c>
      <c r="G5" s="5" t="s">
        <v>43</v>
      </c>
      <c r="H5" s="5" t="s">
        <v>35</v>
      </c>
      <c r="I5" s="5" t="s">
        <v>44</v>
      </c>
      <c r="J5" s="5" t="s">
        <v>45</v>
      </c>
    </row>
    <row r="6" spans="1:20" ht="219" customHeight="1" x14ac:dyDescent="0.45">
      <c r="A6" s="15">
        <v>5</v>
      </c>
      <c r="B6" s="5" t="s">
        <v>46</v>
      </c>
      <c r="C6" s="5" t="s">
        <v>20</v>
      </c>
      <c r="D6" s="5" t="s">
        <v>47</v>
      </c>
      <c r="E6" s="5" t="s">
        <v>48</v>
      </c>
      <c r="F6" s="5" t="s">
        <v>49</v>
      </c>
      <c r="G6" s="5" t="s">
        <v>50</v>
      </c>
      <c r="H6" s="5" t="s">
        <v>51</v>
      </c>
      <c r="I6" s="5" t="s">
        <v>52</v>
      </c>
      <c r="J6" s="5" t="s">
        <v>53</v>
      </c>
    </row>
    <row r="7" spans="1:20" ht="88.5" customHeight="1" x14ac:dyDescent="0.45">
      <c r="A7" s="15">
        <v>6</v>
      </c>
      <c r="B7" s="5" t="s">
        <v>54</v>
      </c>
      <c r="C7" s="5" t="s">
        <v>20</v>
      </c>
      <c r="D7" s="5" t="s">
        <v>55</v>
      </c>
      <c r="E7" s="5" t="s">
        <v>56</v>
      </c>
      <c r="F7" s="5" t="s">
        <v>57</v>
      </c>
      <c r="G7" s="5" t="s">
        <v>58</v>
      </c>
      <c r="H7" s="5" t="s">
        <v>59</v>
      </c>
      <c r="I7" s="5" t="s">
        <v>60</v>
      </c>
      <c r="J7" s="5" t="s">
        <v>61</v>
      </c>
    </row>
    <row r="8" spans="1:20" s="13" customFormat="1" ht="92.25" customHeight="1" x14ac:dyDescent="0.45">
      <c r="A8" s="9">
        <v>7</v>
      </c>
      <c r="B8" s="10" t="s">
        <v>62</v>
      </c>
      <c r="C8" s="11" t="s">
        <v>63</v>
      </c>
      <c r="D8" s="5" t="s">
        <v>64</v>
      </c>
      <c r="E8" s="12" t="s">
        <v>65</v>
      </c>
      <c r="F8" s="5" t="s">
        <v>66</v>
      </c>
      <c r="G8" s="5" t="s">
        <v>67</v>
      </c>
      <c r="H8" s="5" t="s">
        <v>68</v>
      </c>
      <c r="I8" s="5" t="s">
        <v>69</v>
      </c>
      <c r="J8" s="5" t="s">
        <v>70</v>
      </c>
    </row>
    <row r="9" spans="1:20" ht="408.75" customHeight="1" x14ac:dyDescent="0.45">
      <c r="A9" s="15">
        <v>8</v>
      </c>
      <c r="B9" s="5" t="s">
        <v>71</v>
      </c>
      <c r="C9" s="5" t="s">
        <v>72</v>
      </c>
      <c r="D9" s="5" t="s">
        <v>73</v>
      </c>
      <c r="E9" s="5" t="s">
        <v>74</v>
      </c>
      <c r="F9" s="14" t="s">
        <v>75</v>
      </c>
      <c r="G9" s="5" t="s">
        <v>76</v>
      </c>
      <c r="H9" s="5" t="s">
        <v>77</v>
      </c>
      <c r="I9" s="5" t="s">
        <v>78</v>
      </c>
      <c r="J9" s="5" t="s">
        <v>79</v>
      </c>
    </row>
    <row r="10" spans="1:20" ht="110.25" customHeight="1" x14ac:dyDescent="0.45">
      <c r="A10" s="15">
        <v>9</v>
      </c>
      <c r="B10" s="16" t="s">
        <v>80</v>
      </c>
      <c r="C10" s="16" t="s">
        <v>81</v>
      </c>
      <c r="D10" s="5" t="s">
        <v>82</v>
      </c>
      <c r="E10" s="5" t="s">
        <v>83</v>
      </c>
      <c r="F10" s="5" t="s">
        <v>84</v>
      </c>
      <c r="G10" s="5" t="s">
        <v>85</v>
      </c>
      <c r="H10" s="5" t="s">
        <v>86</v>
      </c>
      <c r="I10" s="5" t="s">
        <v>87</v>
      </c>
      <c r="J10" s="5" t="s">
        <v>88</v>
      </c>
    </row>
    <row r="11" spans="1:20" ht="81" customHeight="1" x14ac:dyDescent="0.45">
      <c r="A11" s="15">
        <v>10</v>
      </c>
      <c r="B11" s="5" t="s">
        <v>89</v>
      </c>
      <c r="C11" s="5" t="s">
        <v>90</v>
      </c>
      <c r="D11" s="5" t="s">
        <v>91</v>
      </c>
      <c r="E11" s="5" t="s">
        <v>92</v>
      </c>
      <c r="F11" s="5" t="s">
        <v>93</v>
      </c>
      <c r="G11" s="5" t="s">
        <v>94</v>
      </c>
      <c r="H11" s="5" t="s">
        <v>95</v>
      </c>
      <c r="I11" s="5" t="s">
        <v>87</v>
      </c>
      <c r="J11" s="5" t="s">
        <v>96</v>
      </c>
    </row>
    <row r="12" spans="1:20" ht="173.25" customHeight="1" x14ac:dyDescent="0.45">
      <c r="A12" s="15">
        <v>11</v>
      </c>
      <c r="B12" s="5" t="s">
        <v>10</v>
      </c>
      <c r="C12" s="5" t="s">
        <v>11</v>
      </c>
      <c r="D12" s="5" t="s">
        <v>97</v>
      </c>
      <c r="E12" s="5" t="s">
        <v>98</v>
      </c>
      <c r="F12" s="5" t="s">
        <v>14</v>
      </c>
      <c r="G12" s="5" t="s">
        <v>99</v>
      </c>
      <c r="H12" s="5" t="s">
        <v>100</v>
      </c>
      <c r="I12" s="5" t="s">
        <v>101</v>
      </c>
      <c r="J12" s="5" t="s">
        <v>102</v>
      </c>
    </row>
    <row r="13" spans="1:20" ht="118.5" customHeight="1" x14ac:dyDescent="0.45">
      <c r="A13" s="15">
        <v>12</v>
      </c>
      <c r="B13" s="16" t="s">
        <v>103</v>
      </c>
      <c r="C13" s="16" t="s">
        <v>104</v>
      </c>
      <c r="D13" s="5" t="s">
        <v>105</v>
      </c>
      <c r="E13" s="5" t="s">
        <v>106</v>
      </c>
      <c r="F13" s="5" t="s">
        <v>107</v>
      </c>
      <c r="G13" s="5" t="s">
        <v>108</v>
      </c>
      <c r="H13" s="5" t="s">
        <v>109</v>
      </c>
      <c r="I13" s="5" t="s">
        <v>87</v>
      </c>
      <c r="J13" s="5" t="s">
        <v>110</v>
      </c>
    </row>
    <row r="14" spans="1:20" ht="150.75" customHeight="1" x14ac:dyDescent="0.45">
      <c r="A14" s="15">
        <v>13</v>
      </c>
      <c r="B14" s="5" t="s">
        <v>111</v>
      </c>
      <c r="C14" s="5" t="s">
        <v>112</v>
      </c>
      <c r="D14" s="5" t="s">
        <v>113</v>
      </c>
      <c r="E14" s="5" t="s">
        <v>114</v>
      </c>
      <c r="F14" s="5" t="s">
        <v>115</v>
      </c>
      <c r="G14" s="5" t="s">
        <v>116</v>
      </c>
      <c r="H14" s="5" t="s">
        <v>117</v>
      </c>
      <c r="I14" s="5" t="s">
        <v>118</v>
      </c>
      <c r="J14" s="5" t="s">
        <v>119</v>
      </c>
    </row>
    <row r="15" spans="1:20" ht="112.5" customHeight="1" x14ac:dyDescent="0.45">
      <c r="A15" s="15">
        <v>14</v>
      </c>
      <c r="B15" s="16" t="s">
        <v>120</v>
      </c>
      <c r="C15" s="16" t="s">
        <v>39</v>
      </c>
      <c r="D15" s="5" t="s">
        <v>121</v>
      </c>
      <c r="E15" s="5" t="s">
        <v>122</v>
      </c>
      <c r="F15" s="5" t="s">
        <v>123</v>
      </c>
      <c r="G15" s="5" t="s">
        <v>124</v>
      </c>
      <c r="H15" s="5" t="s">
        <v>125</v>
      </c>
      <c r="I15" s="5" t="s">
        <v>118</v>
      </c>
      <c r="J15" s="5" t="s">
        <v>126</v>
      </c>
    </row>
    <row r="16" spans="1:20" ht="163.5" customHeight="1" x14ac:dyDescent="0.45">
      <c r="A16" s="15">
        <v>15</v>
      </c>
      <c r="B16" s="5" t="s">
        <v>54</v>
      </c>
      <c r="C16" s="5" t="s">
        <v>20</v>
      </c>
      <c r="D16" s="5" t="s">
        <v>127</v>
      </c>
      <c r="E16" s="5" t="s">
        <v>128</v>
      </c>
      <c r="F16" s="5" t="s">
        <v>129</v>
      </c>
      <c r="G16" s="14" t="s">
        <v>130</v>
      </c>
      <c r="H16" s="5" t="s">
        <v>131</v>
      </c>
      <c r="I16" s="14" t="s">
        <v>132</v>
      </c>
      <c r="J16" s="5" t="s">
        <v>133</v>
      </c>
    </row>
    <row r="17" spans="1:10" ht="86.25" customHeight="1" x14ac:dyDescent="0.45">
      <c r="A17" s="15">
        <v>16</v>
      </c>
      <c r="B17" s="5" t="s">
        <v>54</v>
      </c>
      <c r="C17" s="5" t="s">
        <v>20</v>
      </c>
      <c r="D17" s="5" t="s">
        <v>134</v>
      </c>
      <c r="E17" s="5" t="s">
        <v>135</v>
      </c>
      <c r="F17" s="5" t="s">
        <v>57</v>
      </c>
      <c r="G17" s="5" t="s">
        <v>136</v>
      </c>
      <c r="H17" s="5" t="s">
        <v>137</v>
      </c>
      <c r="I17" s="14" t="s">
        <v>132</v>
      </c>
      <c r="J17" s="5" t="s">
        <v>138</v>
      </c>
    </row>
    <row r="18" spans="1:10" ht="90" customHeight="1" x14ac:dyDescent="0.45">
      <c r="A18" s="15">
        <v>17</v>
      </c>
      <c r="B18" s="5" t="s">
        <v>46</v>
      </c>
      <c r="C18" s="5" t="s">
        <v>20</v>
      </c>
      <c r="D18" s="5" t="s">
        <v>139</v>
      </c>
      <c r="E18" s="5" t="s">
        <v>140</v>
      </c>
      <c r="F18" s="5" t="s">
        <v>49</v>
      </c>
      <c r="G18" s="5" t="s">
        <v>141</v>
      </c>
      <c r="H18" s="5" t="s">
        <v>142</v>
      </c>
      <c r="I18" s="5" t="s">
        <v>143</v>
      </c>
      <c r="J18" s="5" t="s">
        <v>144</v>
      </c>
    </row>
    <row r="19" spans="1:10" ht="81" customHeight="1" x14ac:dyDescent="0.45">
      <c r="A19" s="15">
        <v>18</v>
      </c>
      <c r="B19" s="5" t="s">
        <v>145</v>
      </c>
      <c r="C19" s="5" t="s">
        <v>146</v>
      </c>
      <c r="D19" s="5" t="s">
        <v>147</v>
      </c>
      <c r="E19" s="5" t="s">
        <v>148</v>
      </c>
      <c r="F19" s="5" t="s">
        <v>149</v>
      </c>
      <c r="G19" s="5" t="s">
        <v>150</v>
      </c>
      <c r="H19" s="5" t="s">
        <v>151</v>
      </c>
      <c r="I19" s="5" t="s">
        <v>143</v>
      </c>
      <c r="J19" s="5" t="s">
        <v>152</v>
      </c>
    </row>
    <row r="20" spans="1:10" s="13" customFormat="1" ht="90.75" customHeight="1" x14ac:dyDescent="0.45">
      <c r="A20" s="9">
        <v>19</v>
      </c>
      <c r="B20" s="16" t="s">
        <v>62</v>
      </c>
      <c r="C20" s="11" t="s">
        <v>63</v>
      </c>
      <c r="D20" s="17" t="s">
        <v>153</v>
      </c>
      <c r="E20" s="17" t="s">
        <v>65</v>
      </c>
      <c r="F20" s="12" t="s">
        <v>66</v>
      </c>
      <c r="G20" s="5" t="s">
        <v>154</v>
      </c>
      <c r="H20" s="5" t="s">
        <v>155</v>
      </c>
      <c r="I20" s="5" t="s">
        <v>156</v>
      </c>
      <c r="J20" s="5" t="s">
        <v>157</v>
      </c>
    </row>
    <row r="21" spans="1:10" ht="86.25" customHeight="1" x14ac:dyDescent="0.45">
      <c r="A21" s="15">
        <v>20</v>
      </c>
      <c r="B21" s="5" t="s">
        <v>158</v>
      </c>
      <c r="C21" s="5" t="s">
        <v>39</v>
      </c>
      <c r="D21" s="5" t="s">
        <v>159</v>
      </c>
      <c r="E21" s="5" t="s">
        <v>41</v>
      </c>
      <c r="F21" s="5" t="s">
        <v>42</v>
      </c>
      <c r="G21" s="5" t="s">
        <v>160</v>
      </c>
      <c r="H21" s="5" t="s">
        <v>161</v>
      </c>
      <c r="I21" s="5" t="s">
        <v>162</v>
      </c>
      <c r="J21" s="5" t="s">
        <v>163</v>
      </c>
    </row>
    <row r="22" spans="1:10" ht="374.25" customHeight="1" x14ac:dyDescent="0.45">
      <c r="A22" s="15">
        <v>21</v>
      </c>
      <c r="B22" s="5" t="s">
        <v>29</v>
      </c>
      <c r="C22" s="5" t="s">
        <v>30</v>
      </c>
      <c r="D22" s="5" t="s">
        <v>164</v>
      </c>
      <c r="E22" s="5" t="s">
        <v>32</v>
      </c>
      <c r="F22" s="5" t="s">
        <v>33</v>
      </c>
      <c r="G22" s="5" t="s">
        <v>165</v>
      </c>
      <c r="H22" s="5" t="s">
        <v>166</v>
      </c>
      <c r="I22" s="5" t="s">
        <v>167</v>
      </c>
      <c r="J22" s="5" t="s">
        <v>168</v>
      </c>
    </row>
    <row r="23" spans="1:10" ht="93.75" customHeight="1" x14ac:dyDescent="0.45">
      <c r="A23" s="15">
        <v>22</v>
      </c>
      <c r="B23" s="5" t="s">
        <v>71</v>
      </c>
      <c r="C23" s="5" t="s">
        <v>72</v>
      </c>
      <c r="D23" s="5" t="s">
        <v>169</v>
      </c>
      <c r="E23" s="5" t="s">
        <v>74</v>
      </c>
      <c r="F23" s="14" t="s">
        <v>75</v>
      </c>
      <c r="G23" s="5" t="s">
        <v>170</v>
      </c>
      <c r="H23" s="5" t="s">
        <v>171</v>
      </c>
      <c r="I23" s="5" t="s">
        <v>172</v>
      </c>
      <c r="J23" s="14" t="s">
        <v>173</v>
      </c>
    </row>
    <row r="24" spans="1:10" ht="262.5" customHeight="1" x14ac:dyDescent="0.45">
      <c r="A24" s="15">
        <v>23</v>
      </c>
      <c r="B24" s="5" t="s">
        <v>174</v>
      </c>
      <c r="C24" s="5" t="s">
        <v>90</v>
      </c>
      <c r="D24" s="5" t="s">
        <v>175</v>
      </c>
      <c r="E24" s="5" t="s">
        <v>92</v>
      </c>
      <c r="F24" s="5" t="s">
        <v>93</v>
      </c>
      <c r="G24" s="5" t="s">
        <v>176</v>
      </c>
      <c r="H24" s="5" t="s">
        <v>177</v>
      </c>
      <c r="I24" s="5" t="s">
        <v>167</v>
      </c>
      <c r="J24" s="5" t="s">
        <v>178</v>
      </c>
    </row>
    <row r="25" spans="1:10" ht="138.75" customHeight="1" x14ac:dyDescent="0.45">
      <c r="A25" s="15">
        <v>24</v>
      </c>
      <c r="B25" s="16" t="s">
        <v>179</v>
      </c>
      <c r="C25" s="16" t="s">
        <v>180</v>
      </c>
      <c r="D25" s="5" t="s">
        <v>181</v>
      </c>
      <c r="E25" s="5" t="s">
        <v>182</v>
      </c>
      <c r="F25" s="5" t="s">
        <v>183</v>
      </c>
      <c r="G25" s="5" t="s">
        <v>184</v>
      </c>
      <c r="H25" s="5" t="s">
        <v>185</v>
      </c>
      <c r="I25" s="5" t="s">
        <v>186</v>
      </c>
      <c r="J25" s="5" t="s">
        <v>187</v>
      </c>
    </row>
    <row r="26" spans="1:10" ht="216" customHeight="1" x14ac:dyDescent="0.45">
      <c r="A26" s="15">
        <v>25</v>
      </c>
      <c r="B26" s="5" t="s">
        <v>54</v>
      </c>
      <c r="C26" s="5" t="s">
        <v>20</v>
      </c>
      <c r="D26" s="5" t="s">
        <v>188</v>
      </c>
      <c r="E26" s="5" t="s">
        <v>128</v>
      </c>
      <c r="F26" s="5" t="s">
        <v>129</v>
      </c>
      <c r="G26" s="5" t="s">
        <v>189</v>
      </c>
      <c r="H26" s="5" t="s">
        <v>190</v>
      </c>
      <c r="I26" s="5" t="s">
        <v>191</v>
      </c>
      <c r="J26" s="5" t="s">
        <v>192</v>
      </c>
    </row>
    <row r="27" spans="1:10" ht="250.5" customHeight="1" x14ac:dyDescent="0.45">
      <c r="A27" s="15">
        <v>26</v>
      </c>
      <c r="B27" s="16" t="s">
        <v>193</v>
      </c>
      <c r="C27" s="16" t="s">
        <v>194</v>
      </c>
      <c r="D27" s="5" t="s">
        <v>195</v>
      </c>
      <c r="E27" s="5" t="s">
        <v>196</v>
      </c>
      <c r="F27" s="5" t="s">
        <v>197</v>
      </c>
      <c r="G27" s="5" t="s">
        <v>198</v>
      </c>
      <c r="H27" s="5" t="s">
        <v>199</v>
      </c>
      <c r="I27" s="5" t="s">
        <v>200</v>
      </c>
      <c r="J27" s="5" t="s">
        <v>201</v>
      </c>
    </row>
    <row r="28" spans="1:10" ht="120" customHeight="1" x14ac:dyDescent="0.45">
      <c r="A28" s="15">
        <v>27</v>
      </c>
      <c r="B28" s="5" t="s">
        <v>202</v>
      </c>
      <c r="C28" s="5" t="s">
        <v>112</v>
      </c>
      <c r="D28" s="5" t="s">
        <v>203</v>
      </c>
      <c r="E28" s="5" t="s">
        <v>204</v>
      </c>
      <c r="F28" s="5" t="s">
        <v>115</v>
      </c>
      <c r="G28" s="5" t="s">
        <v>205</v>
      </c>
      <c r="H28" s="5" t="s">
        <v>206</v>
      </c>
      <c r="I28" s="5" t="s">
        <v>207</v>
      </c>
      <c r="J28" s="5" t="s">
        <v>208</v>
      </c>
    </row>
    <row r="29" spans="1:10" ht="120" customHeight="1" x14ac:dyDescent="0.45">
      <c r="A29" s="15">
        <v>28</v>
      </c>
      <c r="B29" s="5" t="s">
        <v>10</v>
      </c>
      <c r="C29" s="5" t="s">
        <v>11</v>
      </c>
      <c r="D29" s="5" t="s">
        <v>209</v>
      </c>
      <c r="E29" s="5" t="s">
        <v>210</v>
      </c>
      <c r="F29" s="5" t="s">
        <v>14</v>
      </c>
      <c r="G29" s="5" t="s">
        <v>211</v>
      </c>
      <c r="H29" s="5" t="s">
        <v>212</v>
      </c>
      <c r="I29" s="5" t="s">
        <v>213</v>
      </c>
      <c r="J29" s="5" t="s">
        <v>214</v>
      </c>
    </row>
    <row r="30" spans="1:10" ht="192" customHeight="1" x14ac:dyDescent="0.45">
      <c r="A30" s="15">
        <v>29</v>
      </c>
      <c r="B30" s="16" t="s">
        <v>215</v>
      </c>
      <c r="C30" s="16" t="s">
        <v>11</v>
      </c>
      <c r="D30" s="5" t="s">
        <v>216</v>
      </c>
      <c r="E30" s="5" t="s">
        <v>217</v>
      </c>
      <c r="F30" s="14" t="s">
        <v>218</v>
      </c>
      <c r="G30" s="5" t="s">
        <v>219</v>
      </c>
      <c r="H30" s="5" t="s">
        <v>220</v>
      </c>
      <c r="I30" s="5" t="s">
        <v>191</v>
      </c>
      <c r="J30" s="5" t="s">
        <v>221</v>
      </c>
    </row>
    <row r="31" spans="1:10" ht="171.75" customHeight="1" x14ac:dyDescent="0.45">
      <c r="A31" s="15">
        <v>30</v>
      </c>
      <c r="B31" s="5" t="s">
        <v>145</v>
      </c>
      <c r="C31" s="5" t="s">
        <v>146</v>
      </c>
      <c r="D31" s="5" t="s">
        <v>222</v>
      </c>
      <c r="E31" s="5" t="s">
        <v>223</v>
      </c>
      <c r="F31" s="5" t="s">
        <v>149</v>
      </c>
      <c r="G31" s="5" t="s">
        <v>224</v>
      </c>
      <c r="H31" s="5" t="s">
        <v>225</v>
      </c>
      <c r="I31" s="5" t="s">
        <v>226</v>
      </c>
      <c r="J31" s="5" t="s">
        <v>227</v>
      </c>
    </row>
    <row r="32" spans="1:10" ht="263.25" customHeight="1" x14ac:dyDescent="0.45">
      <c r="A32" s="15">
        <v>31</v>
      </c>
      <c r="B32" s="16" t="s">
        <v>228</v>
      </c>
      <c r="C32" s="16" t="s">
        <v>229</v>
      </c>
      <c r="D32" s="5" t="s">
        <v>230</v>
      </c>
      <c r="E32" s="5" t="s">
        <v>231</v>
      </c>
      <c r="F32" s="5" t="s">
        <v>232</v>
      </c>
      <c r="G32" s="5" t="s">
        <v>233</v>
      </c>
      <c r="H32" s="5" t="s">
        <v>234</v>
      </c>
      <c r="I32" s="5" t="s">
        <v>235</v>
      </c>
      <c r="J32" s="5" t="s">
        <v>236</v>
      </c>
    </row>
    <row r="33" spans="1:10" ht="128.25" customHeight="1" x14ac:dyDescent="0.45">
      <c r="A33" s="15">
        <v>32</v>
      </c>
      <c r="B33" s="5" t="s">
        <v>46</v>
      </c>
      <c r="C33" s="5" t="s">
        <v>20</v>
      </c>
      <c r="D33" s="5" t="s">
        <v>237</v>
      </c>
      <c r="E33" s="5" t="s">
        <v>140</v>
      </c>
      <c r="F33" s="5" t="s">
        <v>49</v>
      </c>
      <c r="G33" s="5" t="s">
        <v>238</v>
      </c>
      <c r="H33" s="5" t="s">
        <v>239</v>
      </c>
      <c r="I33" s="5" t="s">
        <v>240</v>
      </c>
      <c r="J33" s="5" t="s">
        <v>241</v>
      </c>
    </row>
    <row r="34" spans="1:10" ht="159.75" customHeight="1" x14ac:dyDescent="0.45">
      <c r="A34" s="15">
        <v>33</v>
      </c>
      <c r="B34" s="16" t="s">
        <v>242</v>
      </c>
      <c r="C34" s="16" t="s">
        <v>11</v>
      </c>
      <c r="D34" s="5" t="s">
        <v>243</v>
      </c>
      <c r="E34" s="5" t="s">
        <v>244</v>
      </c>
      <c r="F34" s="5" t="s">
        <v>245</v>
      </c>
      <c r="G34" s="5" t="s">
        <v>246</v>
      </c>
      <c r="H34" s="5" t="s">
        <v>247</v>
      </c>
      <c r="I34" s="5" t="s">
        <v>186</v>
      </c>
      <c r="J34" s="5" t="s">
        <v>248</v>
      </c>
    </row>
    <row r="35" spans="1:10" ht="207.75" customHeight="1" x14ac:dyDescent="0.45">
      <c r="A35" s="15">
        <v>34</v>
      </c>
      <c r="B35" s="16" t="s">
        <v>249</v>
      </c>
      <c r="C35" s="16" t="s">
        <v>250</v>
      </c>
      <c r="D35" s="5" t="s">
        <v>251</v>
      </c>
      <c r="E35" s="5" t="s">
        <v>252</v>
      </c>
      <c r="F35" s="5" t="s">
        <v>253</v>
      </c>
      <c r="G35" s="5" t="s">
        <v>254</v>
      </c>
      <c r="H35" s="5" t="s">
        <v>255</v>
      </c>
      <c r="I35" s="5" t="s">
        <v>256</v>
      </c>
      <c r="J35" s="5" t="s">
        <v>257</v>
      </c>
    </row>
    <row r="36" spans="1:10" ht="408.75" customHeight="1" x14ac:dyDescent="0.45">
      <c r="A36" s="15">
        <v>35</v>
      </c>
      <c r="B36" s="16" t="s">
        <v>258</v>
      </c>
      <c r="C36" s="16" t="s">
        <v>259</v>
      </c>
      <c r="D36" s="5" t="s">
        <v>260</v>
      </c>
      <c r="E36" s="5" t="s">
        <v>261</v>
      </c>
      <c r="F36" s="5" t="s">
        <v>262</v>
      </c>
      <c r="G36" s="5" t="s">
        <v>263</v>
      </c>
      <c r="H36" s="5" t="s">
        <v>264</v>
      </c>
      <c r="I36" s="5" t="s">
        <v>213</v>
      </c>
      <c r="J36" s="5" t="s">
        <v>265</v>
      </c>
    </row>
    <row r="37" spans="1:10" ht="144.75" customHeight="1" x14ac:dyDescent="0.45">
      <c r="A37" s="15">
        <v>36</v>
      </c>
      <c r="B37" s="16" t="s">
        <v>266</v>
      </c>
      <c r="C37" s="16" t="s">
        <v>194</v>
      </c>
      <c r="D37" s="5" t="s">
        <v>267</v>
      </c>
      <c r="E37" s="5" t="s">
        <v>268</v>
      </c>
      <c r="F37" s="5" t="s">
        <v>269</v>
      </c>
      <c r="G37" s="5" t="s">
        <v>270</v>
      </c>
      <c r="H37" s="5" t="s">
        <v>271</v>
      </c>
      <c r="I37" s="5" t="s">
        <v>272</v>
      </c>
      <c r="J37" s="5" t="s">
        <v>273</v>
      </c>
    </row>
    <row r="38" spans="1:10" ht="149.25" customHeight="1" x14ac:dyDescent="0.45">
      <c r="A38" s="15">
        <v>37</v>
      </c>
      <c r="B38" s="16" t="s">
        <v>274</v>
      </c>
      <c r="C38" s="16" t="s">
        <v>11</v>
      </c>
      <c r="D38" s="5" t="s">
        <v>275</v>
      </c>
      <c r="E38" s="5" t="s">
        <v>276</v>
      </c>
      <c r="F38" s="5" t="s">
        <v>277</v>
      </c>
      <c r="G38" s="5" t="s">
        <v>278</v>
      </c>
      <c r="H38" s="5" t="s">
        <v>279</v>
      </c>
      <c r="I38" s="5" t="s">
        <v>186</v>
      </c>
      <c r="J38" s="5" t="s">
        <v>280</v>
      </c>
    </row>
    <row r="39" spans="1:10" ht="140.25" customHeight="1" x14ac:dyDescent="0.45">
      <c r="A39" s="15">
        <v>38</v>
      </c>
      <c r="B39" s="5" t="s">
        <v>29</v>
      </c>
      <c r="C39" s="5" t="s">
        <v>30</v>
      </c>
      <c r="D39" s="5" t="s">
        <v>281</v>
      </c>
      <c r="E39" s="5" t="s">
        <v>282</v>
      </c>
      <c r="F39" s="5" t="s">
        <v>283</v>
      </c>
      <c r="G39" s="5" t="s">
        <v>284</v>
      </c>
      <c r="H39" s="5" t="s">
        <v>285</v>
      </c>
      <c r="I39" s="5" t="s">
        <v>286</v>
      </c>
      <c r="J39" s="5" t="s">
        <v>287</v>
      </c>
    </row>
    <row r="40" spans="1:10" ht="137.25" customHeight="1" x14ac:dyDescent="0.45">
      <c r="A40" s="15">
        <v>39</v>
      </c>
      <c r="B40" s="5" t="s">
        <v>145</v>
      </c>
      <c r="C40" s="5" t="s">
        <v>146</v>
      </c>
      <c r="D40" s="5" t="s">
        <v>288</v>
      </c>
      <c r="E40" s="5" t="s">
        <v>289</v>
      </c>
      <c r="F40" s="5" t="s">
        <v>290</v>
      </c>
      <c r="G40" s="5" t="s">
        <v>291</v>
      </c>
      <c r="H40" s="5" t="s">
        <v>292</v>
      </c>
      <c r="I40" s="5" t="s">
        <v>293</v>
      </c>
      <c r="J40" s="5" t="s">
        <v>294</v>
      </c>
    </row>
    <row r="41" spans="1:10" ht="99.9" customHeight="1" x14ac:dyDescent="0.45">
      <c r="A41" s="15">
        <v>40</v>
      </c>
      <c r="B41" s="16" t="s">
        <v>295</v>
      </c>
      <c r="C41" s="16" t="s">
        <v>20</v>
      </c>
      <c r="D41" s="5" t="s">
        <v>296</v>
      </c>
      <c r="E41" s="5" t="s">
        <v>297</v>
      </c>
      <c r="F41" s="5" t="s">
        <v>298</v>
      </c>
      <c r="G41" s="5" t="s">
        <v>299</v>
      </c>
      <c r="H41" s="5" t="s">
        <v>300</v>
      </c>
      <c r="I41" s="5" t="s">
        <v>301</v>
      </c>
      <c r="J41" s="5" t="s">
        <v>302</v>
      </c>
    </row>
    <row r="42" spans="1:10" ht="155.25" customHeight="1" x14ac:dyDescent="0.45">
      <c r="A42" s="15">
        <v>41</v>
      </c>
      <c r="B42" s="16" t="s">
        <v>303</v>
      </c>
      <c r="C42" s="16" t="s">
        <v>11</v>
      </c>
      <c r="D42" s="5" t="s">
        <v>304</v>
      </c>
      <c r="E42" s="5" t="s">
        <v>305</v>
      </c>
      <c r="F42" s="5" t="s">
        <v>306</v>
      </c>
      <c r="G42" s="5" t="s">
        <v>307</v>
      </c>
      <c r="H42" s="5" t="s">
        <v>308</v>
      </c>
      <c r="I42" s="5" t="s">
        <v>309</v>
      </c>
      <c r="J42" s="5" t="s">
        <v>310</v>
      </c>
    </row>
    <row r="43" spans="1:10" ht="153.75" customHeight="1" x14ac:dyDescent="0.45">
      <c r="A43" s="15">
        <v>42</v>
      </c>
      <c r="B43" s="5" t="s">
        <v>10</v>
      </c>
      <c r="C43" s="5" t="s">
        <v>11</v>
      </c>
      <c r="D43" s="5" t="s">
        <v>311</v>
      </c>
      <c r="E43" s="5" t="s">
        <v>312</v>
      </c>
      <c r="F43" s="5" t="s">
        <v>14</v>
      </c>
      <c r="G43" s="5" t="s">
        <v>313</v>
      </c>
      <c r="H43" s="5" t="s">
        <v>314</v>
      </c>
      <c r="I43" s="5" t="s">
        <v>315</v>
      </c>
      <c r="J43" s="5" t="s">
        <v>316</v>
      </c>
    </row>
    <row r="44" spans="1:10" ht="161.25" customHeight="1" x14ac:dyDescent="0.45">
      <c r="A44" s="15">
        <v>43</v>
      </c>
      <c r="B44" s="16" t="s">
        <v>317</v>
      </c>
      <c r="C44" s="16" t="s">
        <v>39</v>
      </c>
      <c r="D44" s="5" t="s">
        <v>318</v>
      </c>
      <c r="E44" s="5" t="s">
        <v>319</v>
      </c>
      <c r="F44" s="5" t="s">
        <v>320</v>
      </c>
      <c r="G44" s="5" t="s">
        <v>321</v>
      </c>
      <c r="H44" s="5" t="s">
        <v>322</v>
      </c>
      <c r="I44" s="5" t="s">
        <v>323</v>
      </c>
      <c r="J44" s="5" t="s">
        <v>324</v>
      </c>
    </row>
    <row r="45" spans="1:10" ht="198" customHeight="1" x14ac:dyDescent="0.45">
      <c r="A45" s="15">
        <v>44</v>
      </c>
      <c r="B45" s="5" t="s">
        <v>46</v>
      </c>
      <c r="C45" s="5" t="s">
        <v>20</v>
      </c>
      <c r="D45" s="5" t="s">
        <v>325</v>
      </c>
      <c r="E45" s="5" t="s">
        <v>326</v>
      </c>
      <c r="F45" s="5" t="s">
        <v>49</v>
      </c>
      <c r="G45" s="5" t="s">
        <v>327</v>
      </c>
      <c r="H45" s="5" t="s">
        <v>328</v>
      </c>
      <c r="I45" s="5" t="s">
        <v>329</v>
      </c>
      <c r="J45" s="5" t="s">
        <v>330</v>
      </c>
    </row>
    <row r="46" spans="1:10" ht="402.75" customHeight="1" x14ac:dyDescent="0.45">
      <c r="A46" s="15">
        <v>45</v>
      </c>
      <c r="B46" s="16" t="s">
        <v>331</v>
      </c>
      <c r="C46" s="16" t="s">
        <v>30</v>
      </c>
      <c r="D46" s="5" t="s">
        <v>332</v>
      </c>
      <c r="E46" s="5" t="s">
        <v>333</v>
      </c>
      <c r="F46" s="5" t="s">
        <v>334</v>
      </c>
      <c r="G46" s="5" t="s">
        <v>335</v>
      </c>
      <c r="H46" s="5" t="s">
        <v>336</v>
      </c>
      <c r="I46" s="5" t="s">
        <v>337</v>
      </c>
      <c r="J46" s="5" t="s">
        <v>338</v>
      </c>
    </row>
    <row r="47" spans="1:10" ht="117.75" customHeight="1" x14ac:dyDescent="0.45">
      <c r="A47" s="15">
        <v>46</v>
      </c>
      <c r="B47" s="16" t="s">
        <v>339</v>
      </c>
      <c r="C47" s="16" t="s">
        <v>39</v>
      </c>
      <c r="D47" s="5" t="s">
        <v>340</v>
      </c>
      <c r="E47" s="5" t="s">
        <v>341</v>
      </c>
      <c r="F47" s="5" t="s">
        <v>342</v>
      </c>
      <c r="G47" s="5" t="s">
        <v>343</v>
      </c>
      <c r="H47" s="5" t="s">
        <v>344</v>
      </c>
      <c r="I47" s="5" t="s">
        <v>345</v>
      </c>
      <c r="J47" s="5" t="s">
        <v>346</v>
      </c>
    </row>
    <row r="48" spans="1:10" ht="135" customHeight="1" x14ac:dyDescent="0.45">
      <c r="A48" s="15">
        <v>47</v>
      </c>
      <c r="B48" s="16" t="s">
        <v>347</v>
      </c>
      <c r="C48" s="16" t="s">
        <v>20</v>
      </c>
      <c r="D48" s="5" t="s">
        <v>348</v>
      </c>
      <c r="E48" s="5" t="s">
        <v>349</v>
      </c>
      <c r="F48" s="5" t="s">
        <v>350</v>
      </c>
      <c r="G48" s="5" t="s">
        <v>351</v>
      </c>
      <c r="H48" s="5" t="s">
        <v>352</v>
      </c>
      <c r="I48" s="5" t="s">
        <v>353</v>
      </c>
      <c r="J48" s="5" t="s">
        <v>354</v>
      </c>
    </row>
    <row r="49" spans="1:10" ht="409.5" customHeight="1" thickBot="1" x14ac:dyDescent="0.5">
      <c r="A49" s="18">
        <v>48</v>
      </c>
      <c r="B49" s="19" t="s">
        <v>355</v>
      </c>
      <c r="C49" s="19" t="s">
        <v>39</v>
      </c>
      <c r="D49" s="20" t="s">
        <v>356</v>
      </c>
      <c r="E49" s="20" t="s">
        <v>357</v>
      </c>
      <c r="F49" s="20" t="s">
        <v>358</v>
      </c>
      <c r="G49" s="20" t="s">
        <v>359</v>
      </c>
      <c r="H49" s="20" t="s">
        <v>360</v>
      </c>
      <c r="I49" s="20" t="s">
        <v>200</v>
      </c>
      <c r="J49" s="20" t="s">
        <v>361</v>
      </c>
    </row>
    <row r="50" spans="1:10" s="24" customFormat="1" ht="171" customHeight="1" x14ac:dyDescent="0.45">
      <c r="A50" s="21">
        <v>49</v>
      </c>
      <c r="B50" s="22" t="s">
        <v>362</v>
      </c>
      <c r="C50" s="23" t="s">
        <v>363</v>
      </c>
      <c r="D50" s="23" t="s">
        <v>364</v>
      </c>
      <c r="E50" s="23" t="s">
        <v>365</v>
      </c>
      <c r="F50" s="23" t="s">
        <v>366</v>
      </c>
      <c r="G50" s="23" t="s">
        <v>367</v>
      </c>
      <c r="H50" s="23" t="s">
        <v>368</v>
      </c>
      <c r="I50" s="5" t="s">
        <v>369</v>
      </c>
      <c r="J50" s="23" t="s">
        <v>370</v>
      </c>
    </row>
    <row r="51" spans="1:10" s="24" customFormat="1" ht="140.25" customHeight="1" x14ac:dyDescent="0.45">
      <c r="A51" s="25">
        <v>50</v>
      </c>
      <c r="B51" s="26" t="s">
        <v>62</v>
      </c>
      <c r="C51" s="27" t="s">
        <v>363</v>
      </c>
      <c r="D51" s="27" t="s">
        <v>371</v>
      </c>
      <c r="E51" s="27" t="s">
        <v>372</v>
      </c>
      <c r="F51" s="27" t="s">
        <v>66</v>
      </c>
      <c r="G51" s="27" t="s">
        <v>373</v>
      </c>
      <c r="H51" s="27" t="s">
        <v>374</v>
      </c>
      <c r="I51" s="27" t="s">
        <v>323</v>
      </c>
      <c r="J51" s="27" t="s">
        <v>375</v>
      </c>
    </row>
    <row r="52" spans="1:10" ht="114" customHeight="1" x14ac:dyDescent="0.45"/>
  </sheetData>
  <autoFilter ref="A1:J51" xr:uid="{00000000-0009-0000-0000-000000000000}">
    <sortState xmlns:xlrd2="http://schemas.microsoft.com/office/spreadsheetml/2017/richdata2" ref="A2:X47">
      <sortCondition ref="G1:G49"/>
    </sortState>
  </autoFilter>
  <phoneticPr fontId="2"/>
  <printOptions horizontalCentered="1"/>
  <pageMargins left="0.27559055118110237" right="0.27559055118110237" top="0.55118110236220474" bottom="0.16" header="0.27559055118110237" footer="0.16"/>
  <pageSetup paperSize="8" scale="42" fitToHeight="0" orientation="landscape" r:id="rId1"/>
  <headerFooter>
    <oddHeader>&amp;L&amp;28歴代会長返信用紙チェックシート&amp;R&amp;22&amp;D</oddHeader>
    <oddFooter>&amp;C&amp;22&amp;P/&amp;N</oddFooter>
  </headerFooter>
  <rowBreaks count="1" manualBreakCount="1">
    <brk id="27" max="2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JSSR歴代会長</vt:lpstr>
      <vt:lpstr>JSSR歴代会長!Print_Area</vt:lpstr>
      <vt:lpstr>JSSR歴代会長!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rioka</dc:creator>
  <cp:lastModifiedBy>鈴木 めぐみ</cp:lastModifiedBy>
  <dcterms:created xsi:type="dcterms:W3CDTF">2020-12-11T10:09:27Z</dcterms:created>
  <dcterms:modified xsi:type="dcterms:W3CDTF">2020-12-14T00:43:20Z</dcterms:modified>
</cp:coreProperties>
</file>